
<file path=[Content_Types].xml><?xml version="1.0" encoding="utf-8"?>
<Types xmlns="http://schemas.openxmlformats.org/package/2006/content-types">
  <Override PartName="/xl/worksheets/sheet15.xml" ContentType="application/vnd.openxmlformats-officedocument.spreadsheetml.worksheet+xml"/>
  <Default Extension="bin" ContentType="application/vnd.openxmlformats-officedocument.spreadsheetml.printerSettings"/>
  <Default Extension="png" ContentType="image/png"/>
  <Override PartName="/xl/drawings/drawing9.xml" ContentType="application/vnd.openxmlformats-officedocument.drawing+xml"/>
  <Override PartName="/xl/worksheets/sheet9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Default Extension="jpeg" ContentType="image/jpeg"/>
  <Override PartName="/xl/drawings/drawing4.xml" ContentType="application/vnd.openxmlformats-officedocument.drawing+xml"/>
  <Override PartName="/xl/drawings/drawing5.xml" ContentType="application/vnd.openxmlformats-officedocument.drawing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10.xml" ContentType="application/vnd.openxmlformats-officedocument.spreadsheetml.worksheet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15.xml" ContentType="application/vnd.openxmlformats-officedocument.drawing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drawings/drawing1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Default Extension="vml" ContentType="application/vnd.openxmlformats-officedocument.vmlDrawing"/>
  <Override PartName="/xl/comments1.xml" ContentType="application/vnd.openxmlformats-officedocument.spreadsheetml.comments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sharedStrings.xml" ContentType="application/vnd.openxmlformats-officedocument.spreadsheetml.sharedStrings+xml"/>
  <Override PartName="/xl/drawings/drawing10.xml" ContentType="application/vnd.openxmlformats-officedocument.drawing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defaultThemeVersion="124226"/>
  <bookViews>
    <workbookView xWindow="240" yWindow="45" windowWidth="20115" windowHeight="7995" tabRatio="816"/>
  </bookViews>
  <sheets>
    <sheet name="CAPA" sheetId="15" r:id="rId1"/>
    <sheet name="SUMÁRIO" sheetId="16" r:id="rId2"/>
    <sheet name="INVESTIMENTO" sheetId="1" r:id="rId3"/>
    <sheet name="MINI" sheetId="2" r:id="rId4"/>
    <sheet name="MIDI" sheetId="3" r:id="rId5"/>
    <sheet name="BÁSICO" sheetId="4" r:id="rId6"/>
    <sheet name="PADRON" sheetId="5" r:id="rId7"/>
    <sheet name="PADRON 15m" sheetId="6" r:id="rId8"/>
    <sheet name="ARTICULADO" sheetId="7" r:id="rId9"/>
    <sheet name="ARTICULADO 21" sheetId="8" r:id="rId10"/>
    <sheet name="ARTICULADO 23" sheetId="9" r:id="rId11"/>
    <sheet name="BIARTICULADO" sheetId="10" r:id="rId12"/>
    <sheet name="TROLEBUS" sheetId="11" r:id="rId13"/>
    <sheet name="TROLEBUS 15M" sheetId="12" r:id="rId14"/>
    <sheet name="TROLEBUS 15M BATERIA" sheetId="13" r:id="rId15"/>
  </sheets>
  <externalReferences>
    <externalReference r:id="rId16"/>
    <externalReference r:id="rId17"/>
    <externalReference r:id="rId18"/>
  </externalReferences>
  <definedNames>
    <definedName name="_xlnm.Print_Area" localSheetId="8">ARTICULADO!$A$1:$V$88</definedName>
    <definedName name="_xlnm.Print_Area" localSheetId="9">'ARTICULADO 21'!$A$1:$V$88</definedName>
    <definedName name="_xlnm.Print_Area" localSheetId="10">'ARTICULADO 23'!$A$1:$V$88</definedName>
    <definedName name="_xlnm.Print_Area" localSheetId="5">BÁSICO!$A$1:$V$88</definedName>
    <definedName name="_xlnm.Print_Area" localSheetId="11">BIARTICULADO!$A$1:$V$88</definedName>
    <definedName name="_xlnm.Print_Area" localSheetId="0">CAPA!$A$1:$J$41</definedName>
    <definedName name="_xlnm.Print_Area" localSheetId="2">INVESTIMENTO!$A$1:$W$246</definedName>
    <definedName name="_xlnm.Print_Area" localSheetId="4">MIDI!$A$1:$V$88</definedName>
    <definedName name="_xlnm.Print_Area" localSheetId="3">MINI!$A$1:$V$88</definedName>
    <definedName name="_xlnm.Print_Area" localSheetId="6">PADRON!$A$1:$V$90</definedName>
    <definedName name="_xlnm.Print_Area" localSheetId="7">'PADRON 15m'!$A$1:$V$88</definedName>
    <definedName name="_xlnm.Print_Area" localSheetId="1">SUMÁRIO!$A$1:$J$51</definedName>
    <definedName name="_xlnm.Print_Area" localSheetId="12">TROLEBUS!$A$1:$V$81</definedName>
    <definedName name="_xlnm.Print_Area" localSheetId="13">'TROLEBUS 15M'!$A$1:$V$81</definedName>
    <definedName name="_xlnm.Print_Area" localSheetId="14">'TROLEBUS 15M BATERIA'!$A$1:$V$79</definedName>
    <definedName name="infotrans?">'[1]Quadro 1 - final'!$C$1</definedName>
    <definedName name="TIRMETA" localSheetId="0">[2]OPÇÕES!$B$26</definedName>
    <definedName name="TIRMETA">[3]OPÇÕES!$B$26</definedName>
    <definedName name="_xlnm.Print_Titles" localSheetId="8">ARTICULADO!$A:$A</definedName>
    <definedName name="_xlnm.Print_Titles" localSheetId="9">'ARTICULADO 21'!$A:$A</definedName>
    <definedName name="_xlnm.Print_Titles" localSheetId="10">'ARTICULADO 23'!$A:$A</definedName>
    <definedName name="_xlnm.Print_Titles" localSheetId="5">BÁSICO!$A:$A</definedName>
    <definedName name="_xlnm.Print_Titles" localSheetId="11">BIARTICULADO!$A:$A</definedName>
    <definedName name="_xlnm.Print_Titles" localSheetId="4">MIDI!$A:$A</definedName>
    <definedName name="_xlnm.Print_Titles" localSheetId="3">MINI!$A:$A</definedName>
    <definedName name="_xlnm.Print_Titles" localSheetId="6">PADRON!$A:$A</definedName>
    <definedName name="_xlnm.Print_Titles" localSheetId="7">'PADRON 15m'!$A:$A</definedName>
  </definedNames>
  <calcPr calcId="125725"/>
</workbook>
</file>

<file path=xl/comments1.xml><?xml version="1.0" encoding="utf-8"?>
<comments xmlns="http://schemas.openxmlformats.org/spreadsheetml/2006/main">
  <authors>
    <author>S</author>
  </authors>
  <commentList>
    <comment ref="F182" authorId="0">
      <text>
        <r>
          <rPr>
            <b/>
            <sz val="7"/>
            <color indexed="81"/>
            <rFont val="Tahoma"/>
            <family val="2"/>
          </rPr>
          <t>Frota ainda não depreciada representa 75% do investimento inicial</t>
        </r>
      </text>
    </comment>
  </commentList>
</comments>
</file>

<file path=xl/sharedStrings.xml><?xml version="1.0" encoding="utf-8"?>
<sst xmlns="http://schemas.openxmlformats.org/spreadsheetml/2006/main" count="1195" uniqueCount="146">
  <si>
    <t>VEÍCULOS</t>
  </si>
  <si>
    <t>% RESIDUAL</t>
  </si>
  <si>
    <t>ANO 0</t>
  </si>
  <si>
    <t>ANO 1</t>
  </si>
  <si>
    <t>ANO 2</t>
  </si>
  <si>
    <t>ANO 3</t>
  </si>
  <si>
    <t>ANO 4</t>
  </si>
  <si>
    <t>ANO 5</t>
  </si>
  <si>
    <t>ANO 6</t>
  </si>
  <si>
    <t>ANO 7</t>
  </si>
  <si>
    <t>ANO 8</t>
  </si>
  <si>
    <t>ANO 9</t>
  </si>
  <si>
    <t>ANO 10</t>
  </si>
  <si>
    <t>ANO 11</t>
  </si>
  <si>
    <t>ANO 12</t>
  </si>
  <si>
    <t>ANO 13</t>
  </si>
  <si>
    <t>ANO 14</t>
  </si>
  <si>
    <t>ANO 15</t>
  </si>
  <si>
    <t>ANO 16</t>
  </si>
  <si>
    <t>ANO 17</t>
  </si>
  <si>
    <t>ANO 18</t>
  </si>
  <si>
    <t>ANO 19</t>
  </si>
  <si>
    <t>ANO 20</t>
  </si>
  <si>
    <t>ZERO KM</t>
  </si>
  <si>
    <t>1 ANO</t>
  </si>
  <si>
    <t>2 ANO</t>
  </si>
  <si>
    <t>3 ANO</t>
  </si>
  <si>
    <t>4 ANO</t>
  </si>
  <si>
    <t>5 ANO</t>
  </si>
  <si>
    <t>6 ANO</t>
  </si>
  <si>
    <t>7 ANO</t>
  </si>
  <si>
    <t>8 ANO</t>
  </si>
  <si>
    <t>9 ANO</t>
  </si>
  <si>
    <t>10 ANO</t>
  </si>
  <si>
    <t>TOTAL</t>
  </si>
  <si>
    <t>VIDA ÚTIL 7 ANOS</t>
  </si>
  <si>
    <t>% DO VEÍCULO NOVO</t>
  </si>
  <si>
    <t>QUANTIDADE</t>
  </si>
  <si>
    <t>VIDA ÚTIL 10 ANOS</t>
  </si>
  <si>
    <t>10 ANOS - INVESTIMENTO ANTECIPADO</t>
  </si>
  <si>
    <t>VIDA ÚTIL 10 ANOS A</t>
  </si>
  <si>
    <t>TIPOLOGIA</t>
  </si>
  <si>
    <t>PREÇO 
VEÍCULO R$</t>
  </si>
  <si>
    <t>VIDA ÚTIL</t>
  </si>
  <si>
    <t>% RESERVA
 TÉCNICA</t>
  </si>
  <si>
    <t>Midiônibus</t>
  </si>
  <si>
    <t>Miniônibus</t>
  </si>
  <si>
    <t>Básico</t>
  </si>
  <si>
    <t>Padron</t>
  </si>
  <si>
    <t>Padron 15M</t>
  </si>
  <si>
    <t>Articulado</t>
  </si>
  <si>
    <t>Articulado 21M</t>
  </si>
  <si>
    <t>10A</t>
  </si>
  <si>
    <t>Articulado 23M</t>
  </si>
  <si>
    <t>Biarticulado II</t>
  </si>
  <si>
    <t>FROTA CONSIDERADA</t>
  </si>
  <si>
    <t>TIR</t>
  </si>
  <si>
    <t>RECEITA POR VEÍCULO - R$/mês</t>
  </si>
  <si>
    <t>CUSTOS POR VEÍCULO - R$/mês</t>
  </si>
  <si>
    <t>CUSTOS VARIÁVEIS - R$/mês</t>
  </si>
  <si>
    <t>CUSTOS FIXOS - R$/mês</t>
  </si>
  <si>
    <t>ACRÉSCIMO CUSTO AR CONDICIONADO-R$/ano</t>
  </si>
  <si>
    <t>R$/ano</t>
  </si>
  <si>
    <t>1. RECEITA</t>
  </si>
  <si>
    <t>2. IMPOSTOS SOBRE RECEITA</t>
  </si>
  <si>
    <t>3. RECEITA LÍQUIDA (1 - 2)</t>
  </si>
  <si>
    <t>4. CUSTOS</t>
  </si>
  <si>
    <t>5. DEPRECIAÇÃO</t>
  </si>
  <si>
    <t>6. RESULTADO ANTES DO IR (3- 4 - 5)</t>
  </si>
  <si>
    <t>7. IMPOSTO DE RENDA E CSSL</t>
  </si>
  <si>
    <t>8. RESULTADO DEPOIS DO IR (6-7)</t>
  </si>
  <si>
    <t>9.DEPRECIAÇÃO (5)</t>
  </si>
  <si>
    <t>10. FLUXO OPERACIONAL (8+9)</t>
  </si>
  <si>
    <t>11. INVESTIMENTO (11.1+11.2+11.3+11.4)</t>
  </si>
  <si>
    <t>11.1 FROTA</t>
  </si>
  <si>
    <t>11.2 EQUIPAMENTOS EMBARCADOS</t>
  </si>
  <si>
    <t>11.3 INSTALAÇÕES</t>
  </si>
  <si>
    <t>11.4 CAPITAL DE GIRO</t>
  </si>
  <si>
    <t>12. VENDA DE ATIVOS</t>
  </si>
  <si>
    <t>FROTA</t>
  </si>
  <si>
    <t>INSTALAÇÕES</t>
  </si>
  <si>
    <t>13. FLUXO DE CAIXA (10 - 11 + 12)</t>
  </si>
  <si>
    <t>DEPRECIAÇÃO TOTAL</t>
  </si>
  <si>
    <t>DEPRECIAÇÃO VEICULOS</t>
  </si>
  <si>
    <t>DEPRECIAÇÃO INSTALAÇÃO</t>
  </si>
  <si>
    <t>DEPRECIAÇÃO EQUIP embarcados</t>
  </si>
  <si>
    <t>MEMÓRIA DE CÁLCULO</t>
  </si>
  <si>
    <t>FLUXOS DE CAIXA POR VEÍCULO</t>
  </si>
  <si>
    <t>RESERVA TÉCNICA COM AR CONDICIONADO</t>
  </si>
  <si>
    <t>ANEXO 4.5</t>
  </si>
  <si>
    <t>Frota com Vida Útil de 7 Anos</t>
  </si>
  <si>
    <t>Valor Residual Final</t>
  </si>
  <si>
    <t>Frota com 7 Anos de Vida Útil</t>
  </si>
  <si>
    <t>Frota com 10 Anos de Vida Útil</t>
  </si>
  <si>
    <t>Frota com 10 Anos de Vida Útil Investimento Inicial Antecipado</t>
  </si>
  <si>
    <t>Compra de Veículo</t>
  </si>
  <si>
    <t>VENDA DE VEÍCULOS</t>
  </si>
  <si>
    <t>Venda de Veículos</t>
  </si>
  <si>
    <t>Investimentos - R$/Ano</t>
  </si>
  <si>
    <t>Depreciação da Frota - R$/Ano</t>
  </si>
  <si>
    <t>Venda Líquida de Frota - R$/Ano</t>
  </si>
  <si>
    <t>Incluir Ar Condicionado</t>
  </si>
  <si>
    <t>Inclui Ar Condicionado</t>
  </si>
  <si>
    <t>Padron 15 Metros</t>
  </si>
  <si>
    <t>Articulado 23 Metros</t>
  </si>
  <si>
    <t>Articulado 21 Metros</t>
  </si>
  <si>
    <t>Biarticulado</t>
  </si>
  <si>
    <t>Trólebus</t>
  </si>
  <si>
    <t>2/16</t>
  </si>
  <si>
    <t>3/16</t>
  </si>
  <si>
    <t>4/16</t>
  </si>
  <si>
    <t>5/16</t>
  </si>
  <si>
    <t>6/16</t>
  </si>
  <si>
    <t>7/16</t>
  </si>
  <si>
    <t>8/16</t>
  </si>
  <si>
    <t>9/16</t>
  </si>
  <si>
    <t>10/16</t>
  </si>
  <si>
    <t>11/16</t>
  </si>
  <si>
    <t>12/16</t>
  </si>
  <si>
    <t>13/16</t>
  </si>
  <si>
    <t>14/16</t>
  </si>
  <si>
    <t>15/16</t>
  </si>
  <si>
    <t>16/16</t>
  </si>
  <si>
    <t>INVESTIMENTO</t>
  </si>
  <si>
    <t>MINIÔNIBUS</t>
  </si>
  <si>
    <t>MIDIÔNIBUS</t>
  </si>
  <si>
    <t>BÁSICO</t>
  </si>
  <si>
    <t>PADRON</t>
  </si>
  <si>
    <t>PADRON 15M</t>
  </si>
  <si>
    <t>ARTICULADO</t>
  </si>
  <si>
    <t>ARTICULADO 21 METROS</t>
  </si>
  <si>
    <t>ARTICULADO 23 METROS</t>
  </si>
  <si>
    <t>BIARTICULADO</t>
  </si>
  <si>
    <t>TRÓLEBUS</t>
  </si>
  <si>
    <t>TRÓLEBUS 15 M</t>
  </si>
  <si>
    <t>Trólebus 15 M</t>
  </si>
  <si>
    <t>TRÓLEBUS 15 M COM BATERIA</t>
  </si>
  <si>
    <t>Trólebus 15 M com Bateria</t>
  </si>
  <si>
    <t>SUMÁRIO</t>
  </si>
  <si>
    <t>Página</t>
  </si>
  <si>
    <t>PADRON 15 METROS</t>
  </si>
  <si>
    <t>TRÓLEBUS 15 METROS</t>
  </si>
  <si>
    <t>TRÓLEBUS 15 METROS COM BATERIA</t>
  </si>
  <si>
    <t>Parâmetros Básicos para o Cálculo do Fluxo de Caixa - Veículo Operacional</t>
  </si>
  <si>
    <t>Fluxo de Caixa por Tipologia de Veículo</t>
  </si>
  <si>
    <t>Demonstrativo Depreciação</t>
  </si>
</sst>
</file>

<file path=xl/styles.xml><?xml version="1.0" encoding="utf-8"?>
<styleSheet xmlns="http://schemas.openxmlformats.org/spreadsheetml/2006/main">
  <numFmts count="8">
    <numFmt numFmtId="42" formatCode="_-&quot;R$&quot;\ * #,##0_-;\-&quot;R$&quot;\ * #,##0_-;_-&quot;R$&quot;\ * &quot;-&quot;_-;_-@_-"/>
    <numFmt numFmtId="44" formatCode="_-&quot;R$&quot;\ * #,##0.00_-;\-&quot;R$&quot;\ * #,##0.00_-;_-&quot;R$&quot;\ * &quot;-&quot;??_-;_-@_-"/>
    <numFmt numFmtId="43" formatCode="_-* #,##0.00_-;\-* #,##0.00_-;_-* &quot;-&quot;??_-;_-@_-"/>
    <numFmt numFmtId="164" formatCode="_(* #,##0_);_(* \(#,##0\);_(* &quot;-&quot;??_);_(@_)"/>
    <numFmt numFmtId="165" formatCode="#,#00"/>
    <numFmt numFmtId="166" formatCode="%#,#00"/>
    <numFmt numFmtId="167" formatCode="#.##000"/>
    <numFmt numFmtId="168" formatCode="#,"/>
  </numFmts>
  <fonts count="22">
    <font>
      <sz val="10"/>
      <name val="Arial"/>
      <family val="2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b/>
      <sz val="8"/>
      <color theme="0"/>
      <name val="Arial"/>
      <family val="2"/>
    </font>
    <font>
      <sz val="7"/>
      <name val="Arial"/>
      <family val="2"/>
    </font>
    <font>
      <b/>
      <sz val="7"/>
      <color indexed="81"/>
      <name val="Tahoma"/>
      <family val="2"/>
    </font>
    <font>
      <b/>
      <sz val="8"/>
      <color indexed="9"/>
      <name val="Arial"/>
      <family val="2"/>
    </font>
    <font>
      <sz val="1"/>
      <color indexed="8"/>
      <name val="Courier"/>
      <family val="3"/>
    </font>
    <font>
      <sz val="10"/>
      <name val="Courier"/>
      <family val="3"/>
    </font>
    <font>
      <b/>
      <sz val="1"/>
      <color indexed="8"/>
      <name val="Courier"/>
      <family val="3"/>
    </font>
    <font>
      <sz val="15"/>
      <name val="Arial"/>
      <family val="2"/>
    </font>
    <font>
      <b/>
      <sz val="22"/>
      <name val="Arial"/>
      <family val="2"/>
    </font>
    <font>
      <b/>
      <sz val="12"/>
      <name val="Arial"/>
      <family val="2"/>
    </font>
    <font>
      <b/>
      <sz val="14"/>
      <name val="Arial"/>
      <family val="2"/>
    </font>
    <font>
      <sz val="12"/>
      <name val="Arial"/>
      <family val="2"/>
    </font>
    <font>
      <b/>
      <sz val="10"/>
      <name val="Arial"/>
      <family val="2"/>
    </font>
    <font>
      <sz val="12"/>
      <color theme="1"/>
      <name val="Arial"/>
      <family val="2"/>
    </font>
    <font>
      <b/>
      <sz val="12"/>
      <color theme="1"/>
      <name val="Arial"/>
      <family val="2"/>
    </font>
    <font>
      <sz val="10"/>
      <color theme="1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theme="3" tint="0.39997558519241921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 tint="0.59999389629810485"/>
        <bgColor indexed="64"/>
      </patternFill>
    </fill>
  </fills>
  <borders count="1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12"/>
      </top>
      <bottom style="thick">
        <color indexed="12"/>
      </bottom>
      <diagonal/>
    </border>
  </borders>
  <cellStyleXfs count="205">
    <xf numFmtId="0" fontId="0" fillId="0" borderId="0"/>
    <xf numFmtId="43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2" fillId="0" borderId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2" fontId="3" fillId="0" borderId="14"/>
    <xf numFmtId="0" fontId="10" fillId="0" borderId="0">
      <protection locked="0"/>
    </xf>
    <xf numFmtId="165" fontId="10" fillId="0" borderId="0">
      <protection locked="0"/>
    </xf>
    <xf numFmtId="165" fontId="10" fillId="0" borderId="0">
      <protection locked="0"/>
    </xf>
    <xf numFmtId="0" fontId="11" fillId="0" borderId="0"/>
    <xf numFmtId="44" fontId="3" fillId="0" borderId="0" applyFont="0" applyFill="0" applyBorder="0" applyAlignment="0" applyProtection="0"/>
    <xf numFmtId="0" fontId="3" fillId="0" borderId="0"/>
    <xf numFmtId="166" fontId="10" fillId="0" borderId="0">
      <protection locked="0"/>
    </xf>
    <xf numFmtId="166" fontId="10" fillId="0" borderId="0">
      <protection locked="0"/>
    </xf>
    <xf numFmtId="167" fontId="10" fillId="0" borderId="0">
      <protection locked="0"/>
    </xf>
    <xf numFmtId="9" fontId="3" fillId="0" borderId="0" applyFont="0" applyFill="0" applyBorder="0" applyAlignment="0" applyProtection="0"/>
    <xf numFmtId="2" fontId="3" fillId="0" borderId="14" applyFont="0" applyFill="0" applyBorder="0" applyAlignment="0" applyProtection="0"/>
    <xf numFmtId="42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168" fontId="12" fillId="0" borderId="0">
      <protection locked="0"/>
    </xf>
    <xf numFmtId="168" fontId="12" fillId="0" borderId="0">
      <protection locked="0"/>
    </xf>
    <xf numFmtId="0" fontId="1" fillId="0" borderId="0"/>
  </cellStyleXfs>
  <cellXfs count="118">
    <xf numFmtId="0" fontId="0" fillId="0" borderId="0" xfId="0"/>
    <xf numFmtId="0" fontId="4" fillId="0" borderId="0" xfId="0" applyFont="1"/>
    <xf numFmtId="0" fontId="5" fillId="0" borderId="0" xfId="0" applyFont="1"/>
    <xf numFmtId="0" fontId="5" fillId="0" borderId="1" xfId="0" applyFont="1" applyBorder="1"/>
    <xf numFmtId="0" fontId="6" fillId="2" borderId="0" xfId="3" applyFont="1" applyFill="1" applyBorder="1" applyAlignment="1">
      <alignment horizontal="left" vertical="center"/>
    </xf>
    <xf numFmtId="0" fontId="6" fillId="2" borderId="0" xfId="0" applyFont="1" applyFill="1" applyBorder="1" applyAlignment="1">
      <alignment horizontal="center" vertical="center" wrapText="1"/>
    </xf>
    <xf numFmtId="0" fontId="5" fillId="0" borderId="0" xfId="3" applyFont="1" applyFill="1" applyBorder="1" applyAlignment="1">
      <alignment horizontal="left"/>
    </xf>
    <xf numFmtId="10" fontId="5" fillId="0" borderId="0" xfId="2" applyNumberFormat="1" applyFont="1" applyFill="1" applyBorder="1" applyAlignment="1">
      <alignment horizontal="center"/>
    </xf>
    <xf numFmtId="0" fontId="5" fillId="0" borderId="0" xfId="0" applyFont="1" applyFill="1" applyAlignment="1">
      <alignment horizontal="center"/>
    </xf>
    <xf numFmtId="0" fontId="5" fillId="0" borderId="0" xfId="0" applyFont="1" applyFill="1"/>
    <xf numFmtId="10" fontId="5" fillId="0" borderId="0" xfId="2" applyNumberFormat="1" applyFont="1" applyFill="1" applyAlignment="1">
      <alignment horizontal="center"/>
    </xf>
    <xf numFmtId="10" fontId="5" fillId="0" borderId="0" xfId="0" applyNumberFormat="1" applyFont="1" applyFill="1"/>
    <xf numFmtId="0" fontId="5" fillId="0" borderId="1" xfId="0" applyFont="1" applyFill="1" applyBorder="1"/>
    <xf numFmtId="0" fontId="5" fillId="0" borderId="1" xfId="0" applyFont="1" applyFill="1" applyBorder="1" applyAlignment="1">
      <alignment horizontal="center"/>
    </xf>
    <xf numFmtId="0" fontId="4" fillId="0" borderId="1" xfId="0" applyFont="1" applyFill="1" applyBorder="1"/>
    <xf numFmtId="0" fontId="4" fillId="0" borderId="1" xfId="0" applyFont="1" applyFill="1" applyBorder="1" applyAlignment="1">
      <alignment horizontal="center"/>
    </xf>
    <xf numFmtId="10" fontId="5" fillId="0" borderId="1" xfId="2" applyNumberFormat="1" applyFont="1" applyFill="1" applyBorder="1" applyAlignment="1">
      <alignment horizontal="center"/>
    </xf>
    <xf numFmtId="10" fontId="5" fillId="0" borderId="0" xfId="0" applyNumberFormat="1" applyFont="1"/>
    <xf numFmtId="0" fontId="6" fillId="2" borderId="2" xfId="0" applyFont="1" applyFill="1" applyBorder="1" applyAlignment="1">
      <alignment horizontal="left"/>
    </xf>
    <xf numFmtId="0" fontId="6" fillId="2" borderId="3" xfId="0" applyFont="1" applyFill="1" applyBorder="1" applyAlignment="1">
      <alignment horizontal="center"/>
    </xf>
    <xf numFmtId="0" fontId="6" fillId="2" borderId="4" xfId="0" applyFont="1" applyFill="1" applyBorder="1" applyAlignment="1">
      <alignment horizontal="center"/>
    </xf>
    <xf numFmtId="0" fontId="5" fillId="0" borderId="5" xfId="0" applyFont="1" applyFill="1" applyBorder="1"/>
    <xf numFmtId="0" fontId="5" fillId="0" borderId="0" xfId="0" applyFont="1" applyFill="1" applyBorder="1"/>
    <xf numFmtId="9" fontId="5" fillId="0" borderId="0" xfId="0" applyNumberFormat="1" applyFont="1" applyFill="1" applyBorder="1" applyAlignment="1">
      <alignment horizontal="center"/>
    </xf>
    <xf numFmtId="9" fontId="5" fillId="0" borderId="6" xfId="0" applyNumberFormat="1" applyFont="1" applyFill="1" applyBorder="1" applyAlignment="1">
      <alignment horizontal="center"/>
    </xf>
    <xf numFmtId="0" fontId="5" fillId="0" borderId="7" xfId="0" applyFont="1" applyFill="1" applyBorder="1"/>
    <xf numFmtId="0" fontId="5" fillId="0" borderId="8" xfId="0" applyFont="1" applyFill="1" applyBorder="1" applyAlignment="1">
      <alignment horizontal="center"/>
    </xf>
    <xf numFmtId="9" fontId="5" fillId="0" borderId="0" xfId="0" applyNumberFormat="1" applyFont="1"/>
    <xf numFmtId="0" fontId="6" fillId="2" borderId="2" xfId="0" applyFont="1" applyFill="1" applyBorder="1" applyAlignment="1">
      <alignment horizontal="left" vertical="center"/>
    </xf>
    <xf numFmtId="0" fontId="6" fillId="2" borderId="3" xfId="0" applyFont="1" applyFill="1" applyBorder="1" applyAlignment="1">
      <alignment horizontal="center" wrapText="1"/>
    </xf>
    <xf numFmtId="0" fontId="6" fillId="2" borderId="3" xfId="0" applyFont="1" applyFill="1" applyBorder="1" applyAlignment="1">
      <alignment horizontal="center" vertical="center"/>
    </xf>
    <xf numFmtId="164" fontId="5" fillId="0" borderId="0" xfId="1" applyNumberFormat="1" applyFont="1" applyFill="1" applyBorder="1"/>
    <xf numFmtId="0" fontId="5" fillId="0" borderId="0" xfId="0" applyFont="1" applyFill="1" applyBorder="1" applyAlignment="1">
      <alignment horizontal="right"/>
    </xf>
    <xf numFmtId="164" fontId="5" fillId="0" borderId="1" xfId="1" applyNumberFormat="1" applyFont="1" applyFill="1" applyBorder="1"/>
    <xf numFmtId="9" fontId="5" fillId="0" borderId="1" xfId="0" applyNumberFormat="1" applyFont="1" applyFill="1" applyBorder="1" applyAlignment="1">
      <alignment horizontal="center"/>
    </xf>
    <xf numFmtId="164" fontId="5" fillId="0" borderId="0" xfId="1" applyNumberFormat="1" applyFont="1"/>
    <xf numFmtId="164" fontId="7" fillId="0" borderId="0" xfId="1" applyNumberFormat="1" applyFont="1"/>
    <xf numFmtId="164" fontId="5" fillId="0" borderId="0" xfId="0" applyNumberFormat="1" applyFont="1"/>
    <xf numFmtId="0" fontId="4" fillId="0" borderId="0" xfId="0" applyFont="1" applyBorder="1"/>
    <xf numFmtId="0" fontId="5" fillId="0" borderId="0" xfId="0" applyFont="1" applyBorder="1"/>
    <xf numFmtId="164" fontId="5" fillId="0" borderId="0" xfId="1" applyNumberFormat="1" applyFont="1" applyBorder="1"/>
    <xf numFmtId="0" fontId="5" fillId="0" borderId="0" xfId="0" applyFont="1" applyAlignment="1">
      <alignment horizontal="right"/>
    </xf>
    <xf numFmtId="0" fontId="9" fillId="3" borderId="0" xfId="0" applyFont="1" applyFill="1" applyBorder="1" applyAlignment="1">
      <alignment horizontal="center"/>
    </xf>
    <xf numFmtId="0" fontId="5" fillId="4" borderId="0" xfId="0" applyFont="1" applyFill="1" applyBorder="1"/>
    <xf numFmtId="164" fontId="5" fillId="4" borderId="0" xfId="1" applyNumberFormat="1" applyFont="1" applyFill="1" applyBorder="1"/>
    <xf numFmtId="164" fontId="5" fillId="0" borderId="0" xfId="0" applyNumberFormat="1" applyFont="1" applyBorder="1"/>
    <xf numFmtId="164" fontId="5" fillId="4" borderId="0" xfId="0" applyNumberFormat="1" applyFont="1" applyFill="1" applyBorder="1"/>
    <xf numFmtId="0" fontId="5" fillId="4" borderId="0" xfId="0" applyFont="1" applyFill="1" applyBorder="1" applyAlignment="1">
      <alignment horizontal="left" indent="1"/>
    </xf>
    <xf numFmtId="0" fontId="5" fillId="0" borderId="0" xfId="0" applyFont="1" applyBorder="1" applyAlignment="1">
      <alignment horizontal="left" indent="1"/>
    </xf>
    <xf numFmtId="164" fontId="5" fillId="4" borderId="0" xfId="4" applyNumberFormat="1" applyFont="1" applyFill="1" applyBorder="1"/>
    <xf numFmtId="0" fontId="4" fillId="5" borderId="0" xfId="0" applyFont="1" applyFill="1" applyBorder="1"/>
    <xf numFmtId="164" fontId="4" fillId="5" borderId="0" xfId="1" applyNumberFormat="1" applyFont="1" applyFill="1" applyBorder="1"/>
    <xf numFmtId="43" fontId="5" fillId="0" borderId="0" xfId="1" applyFont="1" applyBorder="1"/>
    <xf numFmtId="10" fontId="5" fillId="0" borderId="0" xfId="0" applyNumberFormat="1" applyFont="1" applyBorder="1"/>
    <xf numFmtId="10" fontId="5" fillId="0" borderId="0" xfId="2" applyNumberFormat="1" applyFont="1" applyBorder="1"/>
    <xf numFmtId="0" fontId="5" fillId="0" borderId="2" xfId="0" applyFont="1" applyBorder="1"/>
    <xf numFmtId="0" fontId="5" fillId="0" borderId="3" xfId="0" applyFont="1" applyBorder="1"/>
    <xf numFmtId="164" fontId="5" fillId="0" borderId="2" xfId="0" applyNumberFormat="1" applyFont="1" applyBorder="1"/>
    <xf numFmtId="164" fontId="5" fillId="0" borderId="3" xfId="0" applyNumberFormat="1" applyFont="1" applyBorder="1"/>
    <xf numFmtId="164" fontId="5" fillId="0" borderId="4" xfId="0" applyNumberFormat="1" applyFont="1" applyBorder="1"/>
    <xf numFmtId="0" fontId="5" fillId="6" borderId="5" xfId="0" applyFont="1" applyFill="1" applyBorder="1"/>
    <xf numFmtId="0" fontId="5" fillId="6" borderId="0" xfId="0" applyFont="1" applyFill="1" applyBorder="1"/>
    <xf numFmtId="164" fontId="5" fillId="6" borderId="5" xfId="0" applyNumberFormat="1" applyFont="1" applyFill="1" applyBorder="1"/>
    <xf numFmtId="164" fontId="5" fillId="6" borderId="0" xfId="0" applyNumberFormat="1" applyFont="1" applyFill="1" applyBorder="1"/>
    <xf numFmtId="164" fontId="5" fillId="6" borderId="6" xfId="0" applyNumberFormat="1" applyFont="1" applyFill="1" applyBorder="1"/>
    <xf numFmtId="0" fontId="5" fillId="0" borderId="5" xfId="0" applyFont="1" applyBorder="1"/>
    <xf numFmtId="164" fontId="5" fillId="0" borderId="5" xfId="1" applyNumberFormat="1" applyFont="1" applyBorder="1"/>
    <xf numFmtId="164" fontId="5" fillId="0" borderId="6" xfId="1" applyNumberFormat="1" applyFont="1" applyBorder="1"/>
    <xf numFmtId="0" fontId="5" fillId="6" borderId="7" xfId="0" applyFont="1" applyFill="1" applyBorder="1"/>
    <xf numFmtId="0" fontId="5" fillId="6" borderId="1" xfId="0" applyFont="1" applyFill="1" applyBorder="1"/>
    <xf numFmtId="164" fontId="5" fillId="6" borderId="7" xfId="1" applyNumberFormat="1" applyFont="1" applyFill="1" applyBorder="1"/>
    <xf numFmtId="164" fontId="5" fillId="6" borderId="1" xfId="1" applyNumberFormat="1" applyFont="1" applyFill="1" applyBorder="1"/>
    <xf numFmtId="164" fontId="5" fillId="6" borderId="8" xfId="1" applyNumberFormat="1" applyFont="1" applyFill="1" applyBorder="1"/>
    <xf numFmtId="9" fontId="5" fillId="0" borderId="0" xfId="2" applyFont="1"/>
    <xf numFmtId="164" fontId="5" fillId="0" borderId="0" xfId="6" applyNumberFormat="1" applyFont="1" applyBorder="1"/>
    <xf numFmtId="0" fontId="13" fillId="0" borderId="0" xfId="193" applyFont="1"/>
    <xf numFmtId="0" fontId="3" fillId="0" borderId="0" xfId="193"/>
    <xf numFmtId="0" fontId="1" fillId="0" borderId="0" xfId="204"/>
    <xf numFmtId="0" fontId="4" fillId="0" borderId="0" xfId="0" applyFont="1" applyFill="1" applyBorder="1"/>
    <xf numFmtId="0" fontId="4" fillId="0" borderId="0" xfId="0" applyFont="1" applyFill="1" applyBorder="1" applyAlignment="1">
      <alignment horizontal="center"/>
    </xf>
    <xf numFmtId="0" fontId="15" fillId="0" borderId="0" xfId="0" applyFont="1"/>
    <xf numFmtId="9" fontId="15" fillId="0" borderId="0" xfId="0" applyNumberFormat="1" applyFont="1"/>
    <xf numFmtId="0" fontId="16" fillId="0" borderId="0" xfId="0" applyFont="1"/>
    <xf numFmtId="0" fontId="0" fillId="0" borderId="0" xfId="0" applyFont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0" fillId="0" borderId="0" xfId="0" applyAlignment="1">
      <alignment horizontal="center" vertical="center"/>
    </xf>
    <xf numFmtId="0" fontId="5" fillId="0" borderId="1" xfId="0" applyFont="1" applyFill="1" applyBorder="1" applyAlignment="1">
      <alignment horizontal="right"/>
    </xf>
    <xf numFmtId="0" fontId="15" fillId="0" borderId="0" xfId="0" applyFont="1" applyBorder="1"/>
    <xf numFmtId="0" fontId="17" fillId="0" borderId="0" xfId="0" applyFont="1" applyBorder="1"/>
    <xf numFmtId="0" fontId="15" fillId="0" borderId="12" xfId="0" applyFont="1" applyBorder="1"/>
    <xf numFmtId="10" fontId="15" fillId="0" borderId="13" xfId="0" applyNumberFormat="1" applyFont="1" applyBorder="1"/>
    <xf numFmtId="0" fontId="0" fillId="0" borderId="9" xfId="0" applyFont="1" applyBorder="1"/>
    <xf numFmtId="0" fontId="0" fillId="0" borderId="10" xfId="0" applyFont="1" applyBorder="1"/>
    <xf numFmtId="0" fontId="0" fillId="0" borderId="11" xfId="0" applyFont="1" applyBorder="1"/>
    <xf numFmtId="0" fontId="18" fillId="0" borderId="9" xfId="0" applyFont="1" applyBorder="1"/>
    <xf numFmtId="0" fontId="18" fillId="0" borderId="10" xfId="0" applyFont="1" applyBorder="1"/>
    <xf numFmtId="43" fontId="18" fillId="0" borderId="11" xfId="1" applyFont="1" applyBorder="1"/>
    <xf numFmtId="0" fontId="0" fillId="0" borderId="0" xfId="0" applyFont="1" applyBorder="1"/>
    <xf numFmtId="0" fontId="0" fillId="0" borderId="0" xfId="0" applyFont="1"/>
    <xf numFmtId="164" fontId="0" fillId="0" borderId="11" xfId="1" applyNumberFormat="1" applyFont="1" applyBorder="1"/>
    <xf numFmtId="164" fontId="0" fillId="0" borderId="11" xfId="4" applyNumberFormat="1" applyFont="1" applyBorder="1"/>
    <xf numFmtId="43" fontId="18" fillId="0" borderId="11" xfId="0" applyNumberFormat="1" applyFont="1" applyBorder="1"/>
    <xf numFmtId="164" fontId="18" fillId="0" borderId="11" xfId="1" applyNumberFormat="1" applyFont="1" applyBorder="1"/>
    <xf numFmtId="49" fontId="0" fillId="0" borderId="0" xfId="0" applyNumberFormat="1" applyAlignment="1">
      <alignment horizontal="center" vertical="center"/>
    </xf>
    <xf numFmtId="0" fontId="16" fillId="0" borderId="0" xfId="0" applyFont="1" applyBorder="1"/>
    <xf numFmtId="0" fontId="19" fillId="0" borderId="0" xfId="0" applyFont="1" applyAlignment="1"/>
    <xf numFmtId="0" fontId="20" fillId="0" borderId="0" xfId="0" applyFont="1" applyAlignment="1">
      <alignment horizontal="center" vertical="center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19" fillId="0" borderId="0" xfId="0" applyFont="1" applyAlignment="1">
      <alignment horizontal="left" indent="1"/>
    </xf>
    <xf numFmtId="0" fontId="15" fillId="0" borderId="0" xfId="0" applyFont="1" applyAlignment="1">
      <alignment horizontal="left"/>
    </xf>
    <xf numFmtId="0" fontId="15" fillId="0" borderId="0" xfId="0" applyFont="1" applyAlignment="1"/>
    <xf numFmtId="0" fontId="20" fillId="0" borderId="0" xfId="0" applyFont="1" applyAlignment="1"/>
    <xf numFmtId="0" fontId="21" fillId="0" borderId="0" xfId="0" applyFont="1" applyAlignment="1"/>
    <xf numFmtId="0" fontId="20" fillId="0" borderId="0" xfId="0" applyFont="1" applyAlignment="1">
      <alignment vertical="center"/>
    </xf>
    <xf numFmtId="0" fontId="14" fillId="0" borderId="0" xfId="193" applyFont="1" applyAlignment="1">
      <alignment horizontal="center"/>
    </xf>
    <xf numFmtId="0" fontId="14" fillId="0" borderId="0" xfId="193" applyFont="1" applyAlignment="1">
      <alignment horizontal="center" vertical="center"/>
    </xf>
    <xf numFmtId="0" fontId="20" fillId="0" borderId="0" xfId="0" applyFont="1" applyAlignment="1">
      <alignment horizontal="center" vertical="center"/>
    </xf>
  </cellXfs>
  <cellStyles count="205">
    <cellStyle name="_TCOS0107" xfId="7"/>
    <cellStyle name="_TCOS0108" xfId="8"/>
    <cellStyle name="_TCOS0109" xfId="9"/>
    <cellStyle name="_TCOS0110" xfId="10"/>
    <cellStyle name="_TCOS0111" xfId="11"/>
    <cellStyle name="_TCOS0112" xfId="12"/>
    <cellStyle name="_TCOS0207" xfId="13"/>
    <cellStyle name="_TCOS0208" xfId="14"/>
    <cellStyle name="_TCOS0209" xfId="15"/>
    <cellStyle name="_TCOS0210" xfId="16"/>
    <cellStyle name="_TCOS0211" xfId="17"/>
    <cellStyle name="_TCOS0212" xfId="18"/>
    <cellStyle name="_TCOS0307" xfId="19"/>
    <cellStyle name="_TCOS0308" xfId="20"/>
    <cellStyle name="_TCOS0309" xfId="21"/>
    <cellStyle name="_TCOS0310" xfId="22"/>
    <cellStyle name="_TCOS0311" xfId="23"/>
    <cellStyle name="_TCOS0407" xfId="24"/>
    <cellStyle name="_TCOS0408" xfId="25"/>
    <cellStyle name="_TCOS0409" xfId="26"/>
    <cellStyle name="_TCOS0410" xfId="27"/>
    <cellStyle name="_TCOS0411" xfId="28"/>
    <cellStyle name="_TCOS0507" xfId="29"/>
    <cellStyle name="_TCOS0508" xfId="30"/>
    <cellStyle name="_TCOS0509" xfId="31"/>
    <cellStyle name="_TCOS0510" xfId="32"/>
    <cellStyle name="_TCOS0511" xfId="33"/>
    <cellStyle name="_TCOS0607" xfId="34"/>
    <cellStyle name="_TCOS0608" xfId="35"/>
    <cellStyle name="_TCOS0609" xfId="36"/>
    <cellStyle name="_TCOS0610" xfId="37"/>
    <cellStyle name="_TCOS0611" xfId="38"/>
    <cellStyle name="_TCOS0707" xfId="39"/>
    <cellStyle name="_TCOS0708" xfId="40"/>
    <cellStyle name="_TCOS0709" xfId="41"/>
    <cellStyle name="_TCOS0710" xfId="42"/>
    <cellStyle name="_TCOS0711" xfId="43"/>
    <cellStyle name="_TCOS0807" xfId="44"/>
    <cellStyle name="_TCOS0808" xfId="45"/>
    <cellStyle name="_TCOS0809" xfId="46"/>
    <cellStyle name="_TCOS0810" xfId="47"/>
    <cellStyle name="_TCOS0811" xfId="48"/>
    <cellStyle name="_TCOS0907" xfId="49"/>
    <cellStyle name="_TCOS0908" xfId="50"/>
    <cellStyle name="_TCOS0909" xfId="51"/>
    <cellStyle name="_TCOS0909 (2)" xfId="52"/>
    <cellStyle name="_TCOS0910" xfId="53"/>
    <cellStyle name="_TCOS0911" xfId="54"/>
    <cellStyle name="_TCOS1007" xfId="55"/>
    <cellStyle name="_TCOS1008" xfId="56"/>
    <cellStyle name="_TCOS1009" xfId="57"/>
    <cellStyle name="_TCOS1010" xfId="58"/>
    <cellStyle name="_TCOS1011" xfId="59"/>
    <cellStyle name="_TCOS1106" xfId="60"/>
    <cellStyle name="_TCOS1107" xfId="61"/>
    <cellStyle name="_TCOS1108" xfId="62"/>
    <cellStyle name="_TCOS1109" xfId="63"/>
    <cellStyle name="_TCOS1110" xfId="64"/>
    <cellStyle name="_TCOS1111" xfId="65"/>
    <cellStyle name="_TCOS1206" xfId="66"/>
    <cellStyle name="_TCOS1207" xfId="67"/>
    <cellStyle name="_TCOS1208" xfId="68"/>
    <cellStyle name="_TCOS1208 (2)" xfId="69"/>
    <cellStyle name="_TCOS1209" xfId="70"/>
    <cellStyle name="_TCOS1210" xfId="71"/>
    <cellStyle name="_TCOS1211" xfId="72"/>
    <cellStyle name="_TCOS1306" xfId="73"/>
    <cellStyle name="_TCOS1307" xfId="74"/>
    <cellStyle name="_TCOS1308" xfId="75"/>
    <cellStyle name="_TCOS1309" xfId="76"/>
    <cellStyle name="_TCOS1310" xfId="77"/>
    <cellStyle name="_TCOS1311" xfId="78"/>
    <cellStyle name="_TCOS1406" xfId="79"/>
    <cellStyle name="_TCOS1407" xfId="80"/>
    <cellStyle name="_TCOS1408" xfId="81"/>
    <cellStyle name="_TCOS1409" xfId="82"/>
    <cellStyle name="_TCOS1410" xfId="83"/>
    <cellStyle name="_TCOS1411" xfId="84"/>
    <cellStyle name="_tcos1506" xfId="85"/>
    <cellStyle name="_TCOS1507" xfId="86"/>
    <cellStyle name="_TCOS1508" xfId="87"/>
    <cellStyle name="_TCOS1509" xfId="88"/>
    <cellStyle name="_TCOS1510" xfId="89"/>
    <cellStyle name="_TCOS1511" xfId="90"/>
    <cellStyle name="_TCOS1606" xfId="91"/>
    <cellStyle name="_TCOS1607" xfId="92"/>
    <cellStyle name="_TCOS1608" xfId="93"/>
    <cellStyle name="_TCOS1609" xfId="94"/>
    <cellStyle name="_TCOS1610" xfId="95"/>
    <cellStyle name="_TCOS1611" xfId="96"/>
    <cellStyle name="_tcos1706" xfId="97"/>
    <cellStyle name="_TCOS1707" xfId="98"/>
    <cellStyle name="_TCOS1708" xfId="99"/>
    <cellStyle name="_TCOS1709" xfId="100"/>
    <cellStyle name="_TCOS1710" xfId="101"/>
    <cellStyle name="_TCOS1711" xfId="102"/>
    <cellStyle name="_TCOS1806" xfId="103"/>
    <cellStyle name="_TCOS1807" xfId="104"/>
    <cellStyle name="_TCOS1808" xfId="105"/>
    <cellStyle name="_TCOS1809" xfId="106"/>
    <cellStyle name="_TCOS1809 (2)" xfId="107"/>
    <cellStyle name="_TCOS1810" xfId="108"/>
    <cellStyle name="_TCOS1811" xfId="109"/>
    <cellStyle name="_tcos1906" xfId="110"/>
    <cellStyle name="_TCOS1907" xfId="111"/>
    <cellStyle name="_TCOS1908" xfId="112"/>
    <cellStyle name="_TCOS1909" xfId="113"/>
    <cellStyle name="_TCOS1909 (2)" xfId="114"/>
    <cellStyle name="_TCOS1910" xfId="115"/>
    <cellStyle name="_TCOS1911" xfId="116"/>
    <cellStyle name="_TCOS2006" xfId="117"/>
    <cellStyle name="_TCOS2007" xfId="118"/>
    <cellStyle name="_TCOS2008" xfId="119"/>
    <cellStyle name="_TCOS2009" xfId="120"/>
    <cellStyle name="_TCOS2009 (2)" xfId="121"/>
    <cellStyle name="_TCOS2010" xfId="122"/>
    <cellStyle name="_TCOS2011" xfId="123"/>
    <cellStyle name="_TCOS2106" xfId="124"/>
    <cellStyle name="_TCOS2107" xfId="125"/>
    <cellStyle name="_TCOS2108" xfId="126"/>
    <cellStyle name="_TCOS2109" xfId="127"/>
    <cellStyle name="_TCOS2110" xfId="128"/>
    <cellStyle name="_TCOS2111" xfId="129"/>
    <cellStyle name="_TCOS2207" xfId="130"/>
    <cellStyle name="_TCOS2208" xfId="131"/>
    <cellStyle name="_TCOS2209" xfId="132"/>
    <cellStyle name="_TCOS2210" xfId="133"/>
    <cellStyle name="_TCOS2211" xfId="134"/>
    <cellStyle name="_TCOS2306" xfId="135"/>
    <cellStyle name="_TCOS2307" xfId="136"/>
    <cellStyle name="_TCOS2308" xfId="137"/>
    <cellStyle name="_TCOS2309" xfId="138"/>
    <cellStyle name="_TCOS2310" xfId="139"/>
    <cellStyle name="_TCOS2311" xfId="140"/>
    <cellStyle name="_TCOS2406" xfId="141"/>
    <cellStyle name="_TCOS2407" xfId="142"/>
    <cellStyle name="_TCOS2408" xfId="143"/>
    <cellStyle name="_TCOS2409" xfId="144"/>
    <cellStyle name="_TCOS2410" xfId="145"/>
    <cellStyle name="_TCOS2411" xfId="146"/>
    <cellStyle name="_TCOS2506" xfId="147"/>
    <cellStyle name="_TCOS2507" xfId="148"/>
    <cellStyle name="_TCOS2508" xfId="149"/>
    <cellStyle name="_TCOS2509" xfId="150"/>
    <cellStyle name="_TCOS2510" xfId="151"/>
    <cellStyle name="_TCOS2511" xfId="152"/>
    <cellStyle name="_TCOS2606" xfId="153"/>
    <cellStyle name="_TCOS2607" xfId="154"/>
    <cellStyle name="_TCOS2608" xfId="155"/>
    <cellStyle name="_TCOS2609" xfId="156"/>
    <cellStyle name="_TCOS2610" xfId="157"/>
    <cellStyle name="_TCOS2611" xfId="158"/>
    <cellStyle name="_TCOS2706" xfId="159"/>
    <cellStyle name="_TCOS2707" xfId="160"/>
    <cellStyle name="_TCOS2708" xfId="161"/>
    <cellStyle name="_TCOS2709" xfId="162"/>
    <cellStyle name="_TCOS2710" xfId="163"/>
    <cellStyle name="_TCOS2711" xfId="164"/>
    <cellStyle name="_TCOS2806" xfId="165"/>
    <cellStyle name="_TCOS2807" xfId="166"/>
    <cellStyle name="_TCOS2808" xfId="167"/>
    <cellStyle name="_TCOS2809" xfId="168"/>
    <cellStyle name="_TCOS2810" xfId="169"/>
    <cellStyle name="_TCOS2811" xfId="170"/>
    <cellStyle name="_TCOS2906" xfId="171"/>
    <cellStyle name="_TCOS2907" xfId="172"/>
    <cellStyle name="_TCOS2908" xfId="173"/>
    <cellStyle name="_TCOS2909" xfId="174"/>
    <cellStyle name="_TCOS2910" xfId="175"/>
    <cellStyle name="_TCOS2911" xfId="176"/>
    <cellStyle name="_TCOS3006" xfId="177"/>
    <cellStyle name="_TCOS3007" xfId="178"/>
    <cellStyle name="_TCOS3007 (2)" xfId="179"/>
    <cellStyle name="_TCOS3008" xfId="180"/>
    <cellStyle name="_TCOS3009" xfId="181"/>
    <cellStyle name="_TCOS3010" xfId="182"/>
    <cellStyle name="_TCOS3011" xfId="183"/>
    <cellStyle name="_TCOS3107" xfId="184"/>
    <cellStyle name="_TCOS3108" xfId="185"/>
    <cellStyle name="_TCOS3110" xfId="186"/>
    <cellStyle name="0" xfId="187"/>
    <cellStyle name="Data" xfId="188"/>
    <cellStyle name="Estilo 1" xfId="189"/>
    <cellStyle name="Fixo" xfId="190"/>
    <cellStyle name="Indefinido" xfId="191"/>
    <cellStyle name="Moeda 2" xfId="192"/>
    <cellStyle name="Normal" xfId="0" builtinId="0"/>
    <cellStyle name="Normal 2" xfId="3"/>
    <cellStyle name="Normal 3" xfId="204"/>
    <cellStyle name="Normal 9" xfId="193"/>
    <cellStyle name="Percent" xfId="194"/>
    <cellStyle name="Percentual" xfId="195"/>
    <cellStyle name="Ponto" xfId="196"/>
    <cellStyle name="Porcentagem" xfId="2" builtinId="5"/>
    <cellStyle name="Porcentagem 2" xfId="197"/>
    <cellStyle name="Separador de milhares" xfId="1" builtinId="3"/>
    <cellStyle name="Separador de milhares [2]" xfId="198"/>
    <cellStyle name="Separador de milhares 2" xfId="5"/>
    <cellStyle name="Separador de milhares 2 3" xfId="199"/>
    <cellStyle name="Separador de milhares 3" xfId="4"/>
    <cellStyle name="Separador de milhares 4" xfId="200"/>
    <cellStyle name="Separador de milhares 4 2" xfId="6"/>
    <cellStyle name="Separador de milhares 9" xfId="201"/>
    <cellStyle name="Titulo1" xfId="202"/>
    <cellStyle name="Titulo2" xfId="203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3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2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10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1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3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5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9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5</xdr:colOff>
      <xdr:row>11</xdr:row>
      <xdr:rowOff>342900</xdr:rowOff>
    </xdr:from>
    <xdr:to>
      <xdr:col>8</xdr:col>
      <xdr:colOff>451596</xdr:colOff>
      <xdr:row>26</xdr:row>
      <xdr:rowOff>0</xdr:rowOff>
    </xdr:to>
    <xdr:pic>
      <xdr:nvPicPr>
        <xdr:cNvPr id="3" name="Imagem 2" descr="C:\Users\s1240498\Desktop\Logo Prefeitura SP.jpg"/>
        <xdr:cNvPicPr/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685800" y="3648075"/>
          <a:ext cx="4871196" cy="3076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0</xdr:col>
      <xdr:colOff>15875</xdr:colOff>
      <xdr:row>0</xdr:row>
      <xdr:rowOff>76200</xdr:rowOff>
    </xdr:from>
    <xdr:to>
      <xdr:col>10</xdr:col>
      <xdr:colOff>22224</xdr:colOff>
      <xdr:row>39</xdr:row>
      <xdr:rowOff>180975</xdr:rowOff>
    </xdr:to>
    <xdr:sp macro="" textlink="">
      <xdr:nvSpPr>
        <xdr:cNvPr id="2049" name="Rectangle 1"/>
        <xdr:cNvSpPr>
          <a:spLocks noChangeArrowheads="1"/>
        </xdr:cNvSpPr>
      </xdr:nvSpPr>
      <xdr:spPr bwMode="auto">
        <a:xfrm>
          <a:off x="15875" y="76200"/>
          <a:ext cx="6038849" cy="9280525"/>
        </a:xfrm>
        <a:prstGeom prst="rect">
          <a:avLst/>
        </a:prstGeom>
        <a:noFill/>
        <a:ln w="101600" cmpd="thinThick">
          <a:solidFill>
            <a:srgbClr val="7F7F7F"/>
          </a:solidFill>
          <a:miter lim="800000"/>
          <a:headEnd/>
          <a:tailEnd/>
        </a:ln>
      </xdr:spPr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8</xdr:colOff>
      <xdr:row>0</xdr:row>
      <xdr:rowOff>80962</xdr:rowOff>
    </xdr:from>
    <xdr:to>
      <xdr:col>21</xdr:col>
      <xdr:colOff>649970</xdr:colOff>
      <xdr:row>2</xdr:row>
      <xdr:rowOff>49755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66219" y="80962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21469</xdr:colOff>
      <xdr:row>0</xdr:row>
      <xdr:rowOff>40481</xdr:rowOff>
    </xdr:from>
    <xdr:to>
      <xdr:col>21</xdr:col>
      <xdr:colOff>614251</xdr:colOff>
      <xdr:row>2</xdr:row>
      <xdr:rowOff>9274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382875" y="40481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92906</xdr:colOff>
      <xdr:row>0</xdr:row>
      <xdr:rowOff>47625</xdr:rowOff>
    </xdr:from>
    <xdr:to>
      <xdr:col>21</xdr:col>
      <xdr:colOff>685688</xdr:colOff>
      <xdr:row>2</xdr:row>
      <xdr:rowOff>1641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513844" y="47625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81000</xdr:colOff>
      <xdr:row>0</xdr:row>
      <xdr:rowOff>57150</xdr:rowOff>
    </xdr:from>
    <xdr:to>
      <xdr:col>21</xdr:col>
      <xdr:colOff>673782</xdr:colOff>
      <xdr:row>2</xdr:row>
      <xdr:rowOff>2131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42406" y="57150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9568</xdr:colOff>
      <xdr:row>0</xdr:row>
      <xdr:rowOff>42863</xdr:rowOff>
    </xdr:from>
    <xdr:to>
      <xdr:col>21</xdr:col>
      <xdr:colOff>652350</xdr:colOff>
      <xdr:row>1</xdr:row>
      <xdr:rowOff>106906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20974" y="42863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92906</xdr:colOff>
      <xdr:row>0</xdr:row>
      <xdr:rowOff>35719</xdr:rowOff>
    </xdr:from>
    <xdr:to>
      <xdr:col>21</xdr:col>
      <xdr:colOff>685688</xdr:colOff>
      <xdr:row>1</xdr:row>
      <xdr:rowOff>75950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54312" y="35719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266699</xdr:colOff>
      <xdr:row>0</xdr:row>
      <xdr:rowOff>28575</xdr:rowOff>
    </xdr:from>
    <xdr:to>
      <xdr:col>9</xdr:col>
      <xdr:colOff>561974</xdr:colOff>
      <xdr:row>1</xdr:row>
      <xdr:rowOff>193531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899" y="28575"/>
          <a:ext cx="1514475" cy="364981"/>
        </a:xfrm>
        <a:prstGeom prst="rect">
          <a:avLst/>
        </a:prstGeom>
        <a:noFill/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0</xdr:col>
      <xdr:colOff>95250</xdr:colOff>
      <xdr:row>0</xdr:row>
      <xdr:rowOff>42333</xdr:rowOff>
    </xdr:from>
    <xdr:to>
      <xdr:col>22</xdr:col>
      <xdr:colOff>561975</xdr:colOff>
      <xdr:row>2</xdr:row>
      <xdr:rowOff>7265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843000" y="42333"/>
          <a:ext cx="1673225" cy="411319"/>
        </a:xfrm>
        <a:prstGeom prst="rect">
          <a:avLst/>
        </a:prstGeom>
        <a:noFill/>
      </xdr:spPr>
    </xdr:pic>
    <xdr:clientData/>
  </xdr:twoCellAnchor>
  <xdr:twoCellAnchor editAs="oneCell">
    <xdr:from>
      <xdr:col>20</xdr:col>
      <xdr:colOff>52916</xdr:colOff>
      <xdr:row>81</xdr:row>
      <xdr:rowOff>37042</xdr:rowOff>
    </xdr:from>
    <xdr:to>
      <xdr:col>22</xdr:col>
      <xdr:colOff>548898</xdr:colOff>
      <xdr:row>83</xdr:row>
      <xdr:rowOff>156648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800666" y="13149792"/>
          <a:ext cx="1702482" cy="437106"/>
        </a:xfrm>
        <a:prstGeom prst="rect">
          <a:avLst/>
        </a:prstGeom>
        <a:noFill/>
      </xdr:spPr>
    </xdr:pic>
    <xdr:clientData/>
  </xdr:twoCellAnchor>
  <xdr:twoCellAnchor editAs="oneCell">
    <xdr:from>
      <xdr:col>20</xdr:col>
      <xdr:colOff>74083</xdr:colOff>
      <xdr:row>163</xdr:row>
      <xdr:rowOff>47625</xdr:rowOff>
    </xdr:from>
    <xdr:to>
      <xdr:col>22</xdr:col>
      <xdr:colOff>570065</xdr:colOff>
      <xdr:row>166</xdr:row>
      <xdr:rowOff>19064</xdr:rowOff>
    </xdr:to>
    <xdr:pic>
      <xdr:nvPicPr>
        <xdr:cNvPr id="4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821833" y="25352375"/>
          <a:ext cx="1702482" cy="437106"/>
        </a:xfrm>
        <a:prstGeom prst="rect">
          <a:avLst/>
        </a:prstGeom>
        <a:noFill/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90524</xdr:colOff>
      <xdr:row>0</xdr:row>
      <xdr:rowOff>42863</xdr:rowOff>
    </xdr:from>
    <xdr:to>
      <xdr:col>21</xdr:col>
      <xdr:colOff>683306</xdr:colOff>
      <xdr:row>2</xdr:row>
      <xdr:rowOff>35469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51930" y="42863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42900</xdr:colOff>
      <xdr:row>0</xdr:row>
      <xdr:rowOff>54769</xdr:rowOff>
    </xdr:from>
    <xdr:to>
      <xdr:col>21</xdr:col>
      <xdr:colOff>635682</xdr:colOff>
      <xdr:row>2</xdr:row>
      <xdr:rowOff>18271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320963" y="54769"/>
          <a:ext cx="1697719" cy="439752"/>
        </a:xfrm>
        <a:prstGeom prst="rect">
          <a:avLst/>
        </a:prstGeom>
        <a:noFill/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66712</xdr:colOff>
      <xdr:row>0</xdr:row>
      <xdr:rowOff>35719</xdr:rowOff>
    </xdr:from>
    <xdr:to>
      <xdr:col>21</xdr:col>
      <xdr:colOff>659494</xdr:colOff>
      <xdr:row>2</xdr:row>
      <xdr:rowOff>451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87650" y="35719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64331</xdr:colOff>
      <xdr:row>0</xdr:row>
      <xdr:rowOff>35719</xdr:rowOff>
    </xdr:from>
    <xdr:to>
      <xdr:col>21</xdr:col>
      <xdr:colOff>657113</xdr:colOff>
      <xdr:row>2</xdr:row>
      <xdr:rowOff>28325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85269" y="35719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8</xdr:colOff>
      <xdr:row>0</xdr:row>
      <xdr:rowOff>47625</xdr:rowOff>
    </xdr:from>
    <xdr:to>
      <xdr:col>21</xdr:col>
      <xdr:colOff>649970</xdr:colOff>
      <xdr:row>1</xdr:row>
      <xdr:rowOff>11166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18594" y="47625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26232</xdr:colOff>
      <xdr:row>0</xdr:row>
      <xdr:rowOff>23813</xdr:rowOff>
    </xdr:from>
    <xdr:to>
      <xdr:col>21</xdr:col>
      <xdr:colOff>638064</xdr:colOff>
      <xdr:row>1</xdr:row>
      <xdr:rowOff>135481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399545" y="23813"/>
          <a:ext cx="1692957" cy="421231"/>
        </a:xfrm>
        <a:prstGeom prst="rect">
          <a:avLst/>
        </a:prstGeom>
        <a:noFill/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Estudos%20Econ&#244;micos/GES/TARIFA%2012-13/PLANILHA%20TARIF&#193;RIA%20-%20inicia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REVIS&#195;O%20EDITAL%202017/FLUXOS%20DE%20CAIXA/Dimensionamento%20V.4%20-%2018ago17/Fluxo%20-SEM%20RESERVA%20T&#201;CNICA%20v18ago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REVIS&#195;O%20CONSULTA/Fluxo-S&#211;%20RESERVA%20T&#201;CNICA-%20v18abr18%20-%20rev%20pre&#231;os%20-%20ajuste%20diesel%20EY%20-%20rev2.xls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planilha 10"/>
      <sheetName val="QUADRO"/>
      <sheetName val="FLUXO"/>
      <sheetName val="remuneração permissão"/>
      <sheetName val="comparativo - total"/>
      <sheetName val="desp adm PERMISSÃO "/>
      <sheetName val="desp adm. CONCESSÃO"/>
      <sheetName val="INFLAÇÃO"/>
      <sheetName val="ORÇAMENTO 11"/>
      <sheetName val="quadros de alternativa"/>
      <sheetName val="FLUXO (2)"/>
      <sheetName val="fluxo empresa"/>
      <sheetName val="fluxo empresa (2)"/>
      <sheetName val="Plan3"/>
      <sheetName val="ESTUDOS cesta red"/>
      <sheetName val="ESTUDOS -mdo - proposta spur"/>
      <sheetName val="ESTUDOS - proposta spurb2"/>
      <sheetName val="ESTUDOS - proposta a"/>
      <sheetName val="recursos"/>
      <sheetName val="Plan5"/>
      <sheetName val="Plan2"/>
      <sheetName val="Plan1"/>
      <sheetName val="ESTUDOS - proposta final"/>
      <sheetName val="ESTUDOS"/>
      <sheetName val="salários"/>
      <sheetName val="Plan4"/>
      <sheetName val="ENTRADA"/>
      <sheetName val="2010"/>
      <sheetName val="Quadro 1 - final"/>
      <sheetName val="Quadro 2"/>
      <sheetName val="Quadro 3"/>
      <sheetName val="Quadro 4 resumo"/>
      <sheetName val="Quadro 5"/>
      <sheetName val="Quadro 6"/>
      <sheetName val="Parâmetros"/>
      <sheetName val="Bco Semanal"/>
      <sheetName val="DEPR E REM"/>
      <sheetName val="ALTERNATIVAS"/>
      <sheetName val="banco atual"/>
      <sheetName val="renovação 2003"/>
      <sheetName val="renovação 50%"/>
      <sheetName val="renovação"/>
    </sheetNames>
    <sheetDataSet>
      <sheetData sheetId="0">
        <row r="4">
          <cell r="C4" t="str">
            <v>SISTEMA</v>
          </cell>
        </row>
      </sheetData>
      <sheetData sheetId="1"/>
      <sheetData sheetId="2">
        <row r="4">
          <cell r="C4">
            <v>81554819.327330455</v>
          </cell>
        </row>
      </sheetData>
      <sheetData sheetId="3"/>
      <sheetData sheetId="4">
        <row r="4">
          <cell r="C4" t="str">
            <v>medida</v>
          </cell>
        </row>
      </sheetData>
      <sheetData sheetId="5">
        <row r="4">
          <cell r="C4" t="str">
            <v>Veículos</v>
          </cell>
        </row>
      </sheetData>
      <sheetData sheetId="6">
        <row r="4">
          <cell r="C4" t="str">
            <v>Veículos</v>
          </cell>
        </row>
      </sheetData>
      <sheetData sheetId="7">
        <row r="4">
          <cell r="C4">
            <v>0.7</v>
          </cell>
        </row>
      </sheetData>
      <sheetData sheetId="8"/>
      <sheetData sheetId="9"/>
      <sheetData sheetId="10">
        <row r="4">
          <cell r="C4">
            <v>81554819.327330455</v>
          </cell>
        </row>
      </sheetData>
      <sheetData sheetId="11">
        <row r="4">
          <cell r="C4">
            <v>81554819.327330455</v>
          </cell>
        </row>
      </sheetData>
      <sheetData sheetId="12">
        <row r="4">
          <cell r="C4">
            <v>81554819.327330455</v>
          </cell>
        </row>
      </sheetData>
      <sheetData sheetId="13"/>
      <sheetData sheetId="14">
        <row r="4">
          <cell r="C4" t="str">
            <v>remuneração*</v>
          </cell>
        </row>
      </sheetData>
      <sheetData sheetId="15">
        <row r="4">
          <cell r="C4" t="str">
            <v>b</v>
          </cell>
        </row>
      </sheetData>
      <sheetData sheetId="16"/>
      <sheetData sheetId="17">
        <row r="4">
          <cell r="C4">
            <v>29283482.40656824</v>
          </cell>
        </row>
      </sheetData>
      <sheetData sheetId="18">
        <row r="4">
          <cell r="C4" t="str">
            <v>MAIO/12</v>
          </cell>
        </row>
      </sheetData>
      <sheetData sheetId="19">
        <row r="4">
          <cell r="C4">
            <v>159.00468817469621</v>
          </cell>
        </row>
      </sheetData>
      <sheetData sheetId="20">
        <row r="4">
          <cell r="C4">
            <v>2</v>
          </cell>
        </row>
      </sheetData>
      <sheetData sheetId="21">
        <row r="4">
          <cell r="C4">
            <v>801845.55851819657</v>
          </cell>
        </row>
      </sheetData>
      <sheetData sheetId="22">
        <row r="4">
          <cell r="C4">
            <v>29024180.087009165</v>
          </cell>
        </row>
      </sheetData>
      <sheetData sheetId="23">
        <row r="4">
          <cell r="C4" t="str">
            <v>remuneração*</v>
          </cell>
        </row>
      </sheetData>
      <sheetData sheetId="24">
        <row r="4">
          <cell r="C4">
            <v>1328.1654241300841</v>
          </cell>
        </row>
      </sheetData>
      <sheetData sheetId="25">
        <row r="4">
          <cell r="C4" t="str">
            <v>[B]</v>
          </cell>
        </row>
      </sheetData>
      <sheetData sheetId="26"/>
      <sheetData sheetId="27">
        <row r="4">
          <cell r="C4" t="str">
            <v>sistema</v>
          </cell>
        </row>
      </sheetData>
      <sheetData sheetId="28">
        <row r="1">
          <cell r="C1">
            <v>3</v>
          </cell>
        </row>
      </sheetData>
      <sheetData sheetId="29">
        <row r="4">
          <cell r="C4" t="str">
            <v>SALÁRIO MENSAL</v>
          </cell>
        </row>
      </sheetData>
      <sheetData sheetId="30">
        <row r="67">
          <cell r="G67">
            <v>350137.63081477751</v>
          </cell>
        </row>
      </sheetData>
      <sheetData sheetId="31"/>
      <sheetData sheetId="32">
        <row r="67">
          <cell r="G67">
            <v>4.428E-2</v>
          </cell>
        </row>
      </sheetData>
      <sheetData sheetId="33"/>
      <sheetData sheetId="34">
        <row r="4">
          <cell r="C4">
            <v>271</v>
          </cell>
        </row>
      </sheetData>
      <sheetData sheetId="35">
        <row r="4">
          <cell r="C4" t="str">
            <v>senha: banco</v>
          </cell>
        </row>
      </sheetData>
      <sheetData sheetId="36"/>
      <sheetData sheetId="37">
        <row r="4">
          <cell r="C4">
            <v>0.81213666547519359</v>
          </cell>
        </row>
      </sheetData>
      <sheetData sheetId="38"/>
      <sheetData sheetId="39"/>
      <sheetData sheetId="40"/>
      <sheetData sheetId="41"/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Plan1"/>
      <sheetName val="BÁSICO PERMISSÃO"/>
      <sheetName val="MINI PERMISSÃO"/>
      <sheetName val="MIDI PERMISSÃO"/>
      <sheetName val="resumão"/>
      <sheetName val="OPÇÕES"/>
      <sheetName val="dados atuais 10%"/>
      <sheetName val="INVESTIMENTO"/>
      <sheetName val="EQUIP. EMBARCADOS"/>
      <sheetName val="SISTEMAS"/>
      <sheetName val="quadro resumo"/>
      <sheetName val="resumo dos prazos"/>
      <sheetName val="resumo dos prazos RT"/>
      <sheetName val="dados atuais  tirmeta"/>
      <sheetName val="tirmeta - 10 anos"/>
      <sheetName val="tirmeta - 12 anos"/>
      <sheetName val="tirmeta - 15 anos"/>
      <sheetName val="tirmeta - 20 anos"/>
      <sheetName val="dados atuais  ANTERIOR"/>
      <sheetName val="MINI"/>
      <sheetName val="MIDI"/>
      <sheetName val="BÁSICO"/>
      <sheetName val="PADRON LE"/>
      <sheetName val="PADRON LE 15m"/>
      <sheetName val="ARTICULADO"/>
      <sheetName val="ARTICULADO 21"/>
      <sheetName val="ARTICULADO 23"/>
      <sheetName val="BIARTICULADO"/>
      <sheetName val="TROLEBUS"/>
      <sheetName val="TROLEBUS 15M"/>
      <sheetName val="TROLEBUS 15M BATERIA"/>
      <sheetName val="PADRON ETANOL"/>
      <sheetName val="RESIDUAL TRÓLEBUS"/>
      <sheetName val="AUXILIAR FLUXO DE CAIXA"/>
      <sheetName val="HORAS MENSAIS TRABALHADAS"/>
      <sheetName val="PEÇAS E ACESSÓRIOS"/>
      <sheetName val="OPERACIONAL"/>
      <sheetName val="MANUTENÇÃO E FISCALIZAÇÃO"/>
      <sheetName val="ADMINISTRATIVAS"/>
      <sheetName val="diesel e rodagem"/>
      <sheetName val="lubrificantes"/>
      <sheetName val="ALUGUEIS"/>
      <sheetName val="CUSTO POR TIPO DE VEÍCULO FINAL"/>
      <sheetName val="CUSTO POR TIPO DE VEÍCULO"/>
      <sheetName val="CUSTO POR TIPO DE VEÍCULO PERMI"/>
      <sheetName val="Anexo Depr RemCap Inst"/>
      <sheetName val="calculo F.U."/>
      <sheetName val="HORAS NOTURNAS"/>
      <sheetName val="Plan13"/>
    </sheetNames>
    <sheetDataSet>
      <sheetData sheetId="0"/>
      <sheetData sheetId="1"/>
      <sheetData sheetId="2"/>
      <sheetData sheetId="3"/>
      <sheetData sheetId="4"/>
      <sheetData sheetId="5">
        <row r="26">
          <cell r="B26">
            <v>9.9699999999999997E-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Plan1"/>
      <sheetName val="BÁSICO PERMISSÃO"/>
      <sheetName val="MINI PERMISSÃO"/>
      <sheetName val="MIDI PERMISSÃO"/>
      <sheetName val="resumão"/>
      <sheetName val="OPÇÕES"/>
      <sheetName val="dados atuais 10%"/>
      <sheetName val="INVESTIMENTO"/>
      <sheetName val="EQUIP. EMBARCADOS"/>
      <sheetName val="corredor"/>
      <sheetName val="quadro resumo"/>
      <sheetName val="resumo dos prazos"/>
      <sheetName val="resumo dos prazos RT"/>
      <sheetName val="dados atuais  tirmeta"/>
      <sheetName val="tirmeta - 10 anos"/>
      <sheetName val="tirmeta - 12 anos"/>
      <sheetName val="tirmeta - 15 anos"/>
      <sheetName val="tirmeta - 20 anos"/>
      <sheetName val="dados atuais  ANTERIOR"/>
      <sheetName val="MINI"/>
      <sheetName val="MIDI"/>
      <sheetName val="BÁSICO"/>
      <sheetName val="PADRON LE"/>
      <sheetName val="PADRON LE 15m"/>
      <sheetName val="ARTICULADO"/>
      <sheetName val="ARTICULADO 21"/>
      <sheetName val="ARTICULADO 23"/>
      <sheetName val="BIARTICULADO"/>
      <sheetName val="TROLEBUS"/>
      <sheetName val="TROLEBUS 15M"/>
      <sheetName val="TROLEBUS 15M BATERIA"/>
      <sheetName val="PADRON ETANOL"/>
      <sheetName val="RESIDUAL TRÓLEBUS"/>
      <sheetName val="AUXILIAR FLUXO DE CAIXA"/>
      <sheetName val="HORAS MENSAIS TRABALHADAS"/>
      <sheetName val="PEÇAS E ACESSÓRIOS"/>
      <sheetName val="OPERACIONAL"/>
      <sheetName val="MANUTENÇÃO E FISCALIZAÇÃO"/>
      <sheetName val="ADMINISTRATIVAS"/>
      <sheetName val="diesel e rodagem"/>
      <sheetName val="lubrificantes"/>
      <sheetName val="ALUGUEIS"/>
      <sheetName val="CUSTO POR TIPO DE VEÍCULO FINAL"/>
      <sheetName val="CUSTO POR TIPO DE VEÍCULO"/>
      <sheetName val="CUSTO POR TIPO DE VEÍCULO PERMI"/>
      <sheetName val="Anexo Depr RemCap Inst"/>
      <sheetName val="calculo F.U."/>
      <sheetName val="HORAS NOTURNAS"/>
      <sheetName val="Plan13"/>
      <sheetName val="Plan2"/>
    </sheetNames>
    <sheetDataSet>
      <sheetData sheetId="0"/>
      <sheetData sheetId="1"/>
      <sheetData sheetId="2"/>
      <sheetData sheetId="3"/>
      <sheetData sheetId="4"/>
      <sheetData sheetId="5">
        <row r="26">
          <cell r="B26">
            <v>9.8500000000000004E-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15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4" Type="http://schemas.openxmlformats.org/officeDocument/2006/relationships/comments" Target="../comments1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J21"/>
  <sheetViews>
    <sheetView tabSelected="1" view="pageBreakPreview" zoomScale="60" zoomScaleNormal="100" zoomScalePageLayoutView="80" workbookViewId="0">
      <selection activeCell="L5" sqref="L5"/>
    </sheetView>
  </sheetViews>
  <sheetFormatPr defaultRowHeight="15"/>
  <cols>
    <col min="1" max="16384" width="9.140625" style="77"/>
  </cols>
  <sheetData>
    <row r="1" spans="1:10" ht="18.75">
      <c r="A1" s="75"/>
      <c r="B1" s="75"/>
      <c r="C1" s="75"/>
      <c r="D1" s="75"/>
      <c r="E1" s="75"/>
      <c r="F1" s="76"/>
      <c r="G1" s="76"/>
      <c r="H1" s="76"/>
      <c r="I1" s="76"/>
      <c r="J1" s="76"/>
    </row>
    <row r="2" spans="1:10" ht="27.75">
      <c r="A2" s="75"/>
      <c r="B2" s="75"/>
      <c r="C2" s="75"/>
      <c r="D2" s="115" t="s">
        <v>89</v>
      </c>
      <c r="E2" s="115"/>
      <c r="F2" s="115"/>
      <c r="G2" s="115"/>
      <c r="H2" s="76"/>
      <c r="I2" s="76"/>
      <c r="J2" s="76"/>
    </row>
    <row r="3" spans="1:10" ht="18.75">
      <c r="A3" s="75"/>
      <c r="B3" s="75"/>
      <c r="C3" s="75"/>
      <c r="D3" s="75"/>
      <c r="E3" s="75"/>
      <c r="F3" s="76"/>
      <c r="G3" s="76"/>
      <c r="H3" s="76"/>
      <c r="I3" s="76"/>
      <c r="J3" s="76"/>
    </row>
    <row r="4" spans="1:10" ht="27.75">
      <c r="A4" s="116" t="s">
        <v>86</v>
      </c>
      <c r="B4" s="116"/>
      <c r="C4" s="116"/>
      <c r="D4" s="116"/>
      <c r="E4" s="116"/>
      <c r="F4" s="116"/>
      <c r="G4" s="116"/>
      <c r="H4" s="116"/>
      <c r="I4" s="116"/>
      <c r="J4" s="116"/>
    </row>
    <row r="5" spans="1:10" ht="27.75">
      <c r="A5" s="116" t="s">
        <v>87</v>
      </c>
      <c r="B5" s="116"/>
      <c r="C5" s="116"/>
      <c r="D5" s="116"/>
      <c r="E5" s="116"/>
      <c r="F5" s="116"/>
      <c r="G5" s="116"/>
      <c r="H5" s="116"/>
      <c r="I5" s="116"/>
      <c r="J5" s="116"/>
    </row>
    <row r="6" spans="1:10" ht="27.75">
      <c r="A6" s="116" t="s">
        <v>88</v>
      </c>
      <c r="B6" s="116"/>
      <c r="C6" s="116"/>
      <c r="D6" s="116"/>
      <c r="E6" s="116"/>
      <c r="F6" s="116"/>
      <c r="G6" s="116"/>
      <c r="H6" s="116"/>
      <c r="I6" s="116"/>
      <c r="J6" s="116"/>
    </row>
    <row r="7" spans="1:10" ht="27.75">
      <c r="A7" s="116"/>
      <c r="B7" s="116"/>
      <c r="C7" s="116"/>
      <c r="D7" s="116"/>
      <c r="E7" s="116"/>
      <c r="F7" s="116"/>
      <c r="G7" s="116"/>
      <c r="H7" s="116"/>
      <c r="I7" s="116"/>
      <c r="J7" s="116"/>
    </row>
    <row r="8" spans="1:10" ht="18.75">
      <c r="A8" s="75"/>
      <c r="B8" s="75"/>
      <c r="C8" s="75"/>
      <c r="D8" s="75"/>
      <c r="E8" s="75"/>
      <c r="F8" s="76"/>
      <c r="G8" s="76"/>
      <c r="H8" s="76"/>
      <c r="I8" s="76"/>
      <c r="J8" s="76"/>
    </row>
    <row r="9" spans="1:10" ht="18.75">
      <c r="A9" s="75"/>
      <c r="B9" s="75"/>
      <c r="C9" s="75"/>
      <c r="D9" s="75"/>
      <c r="E9" s="75"/>
      <c r="F9" s="76"/>
      <c r="G9" s="76"/>
      <c r="H9" s="76"/>
      <c r="I9" s="76"/>
      <c r="J9" s="76"/>
    </row>
    <row r="10" spans="1:10" ht="18.75">
      <c r="A10" s="75"/>
      <c r="B10" s="75"/>
      <c r="C10" s="75"/>
      <c r="D10" s="75"/>
      <c r="E10" s="75"/>
      <c r="F10" s="76"/>
      <c r="G10" s="76"/>
      <c r="H10" s="76"/>
      <c r="I10" s="76"/>
      <c r="J10" s="76"/>
    </row>
    <row r="11" spans="1:10" ht="27.75">
      <c r="A11" s="116"/>
      <c r="B11" s="116"/>
      <c r="C11" s="116"/>
      <c r="D11" s="116"/>
      <c r="E11" s="116"/>
      <c r="F11" s="116"/>
      <c r="G11" s="116"/>
      <c r="H11" s="116"/>
      <c r="I11" s="116"/>
      <c r="J11" s="116"/>
    </row>
    <row r="12" spans="1:10" ht="27.75">
      <c r="A12" s="116"/>
      <c r="B12" s="116"/>
      <c r="C12" s="116"/>
      <c r="D12" s="116"/>
      <c r="E12" s="116"/>
      <c r="F12" s="116"/>
      <c r="G12" s="116"/>
      <c r="H12" s="116"/>
      <c r="I12" s="116"/>
      <c r="J12" s="116"/>
    </row>
    <row r="13" spans="1:10" ht="27.75">
      <c r="A13" s="116"/>
      <c r="B13" s="116"/>
      <c r="C13" s="116"/>
      <c r="D13" s="116"/>
      <c r="E13" s="116"/>
      <c r="F13" s="116"/>
      <c r="G13" s="116"/>
      <c r="H13" s="116"/>
      <c r="I13" s="116"/>
      <c r="J13" s="116"/>
    </row>
    <row r="17" spans="1:10" ht="18.75">
      <c r="A17" s="75"/>
      <c r="B17" s="75"/>
      <c r="C17" s="75"/>
      <c r="D17" s="75"/>
      <c r="E17" s="75"/>
      <c r="F17" s="76"/>
      <c r="G17" s="76"/>
      <c r="H17" s="76"/>
      <c r="I17" s="76"/>
      <c r="J17" s="76"/>
    </row>
    <row r="18" spans="1:10" ht="18.75">
      <c r="A18" s="75"/>
      <c r="B18" s="75"/>
      <c r="C18" s="75"/>
      <c r="D18" s="75"/>
      <c r="E18" s="75"/>
      <c r="F18" s="76"/>
      <c r="G18" s="76"/>
      <c r="H18" s="76"/>
      <c r="I18" s="76"/>
      <c r="J18" s="76"/>
    </row>
    <row r="19" spans="1:10" ht="18.75">
      <c r="A19" s="75"/>
      <c r="B19" s="75"/>
      <c r="C19" s="75"/>
      <c r="D19" s="75"/>
      <c r="E19" s="75"/>
      <c r="F19" s="76"/>
      <c r="G19" s="76"/>
      <c r="H19" s="76"/>
      <c r="I19" s="76"/>
      <c r="J19" s="76"/>
    </row>
    <row r="20" spans="1:10" ht="18.75">
      <c r="A20" s="75"/>
      <c r="B20" s="75"/>
      <c r="C20" s="75"/>
      <c r="D20" s="75"/>
      <c r="E20" s="75"/>
      <c r="F20" s="76"/>
      <c r="G20" s="76"/>
      <c r="H20" s="76"/>
      <c r="I20" s="76"/>
      <c r="J20" s="76"/>
    </row>
    <row r="21" spans="1:10" ht="18.75">
      <c r="A21" s="75"/>
      <c r="B21" s="75"/>
      <c r="C21" s="75"/>
      <c r="D21" s="75"/>
      <c r="E21" s="75"/>
      <c r="F21" s="76"/>
      <c r="G21" s="76"/>
      <c r="H21" s="76"/>
      <c r="I21" s="76"/>
      <c r="J21" s="76"/>
    </row>
  </sheetData>
  <mergeCells count="8">
    <mergeCell ref="D2:G2"/>
    <mergeCell ref="A11:J11"/>
    <mergeCell ref="A12:J12"/>
    <mergeCell ref="A13:J13"/>
    <mergeCell ref="A4:J4"/>
    <mergeCell ref="A5:J5"/>
    <mergeCell ref="A6:J6"/>
    <mergeCell ref="A7:J7"/>
  </mergeCells>
  <pageMargins left="0.60416666666666663" right="0.511811024" top="0.78740157499999996" bottom="0.78740157499999996" header="0.31496062000000002" footer="0.31496062000000002"/>
  <pageSetup paperSize="9" orientation="portrait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>
  <sheetPr codeName="Plan40"/>
  <dimension ref="A1:V88"/>
  <sheetViews>
    <sheetView tabSelected="1" view="pageBreakPreview" topLeftCell="A19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.7109375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4" customHeight="1">
      <c r="A1" s="82" t="s">
        <v>130</v>
      </c>
    </row>
    <row r="4" spans="1:22" ht="18">
      <c r="A4" s="82" t="s">
        <v>143</v>
      </c>
    </row>
    <row r="5" spans="1:22" ht="15.75">
      <c r="A5" s="87" t="s">
        <v>105</v>
      </c>
    </row>
    <row r="6" spans="1:22" ht="15.75">
      <c r="A6" s="87" t="s">
        <v>102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2">
        <v>30376.214238328841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14257.152377470222</v>
      </c>
    </row>
    <row r="11" spans="1:22" ht="12.75">
      <c r="A11" s="91" t="s">
        <v>59</v>
      </c>
      <c r="B11" s="92"/>
      <c r="C11" s="99">
        <v>6228.5081235999996</v>
      </c>
    </row>
    <row r="12" spans="1:22" ht="12.75">
      <c r="A12" s="91" t="s">
        <v>60</v>
      </c>
      <c r="B12" s="92"/>
      <c r="C12" s="100">
        <v>8028.6442538702222</v>
      </c>
    </row>
    <row r="13" spans="1:22" ht="12.75">
      <c r="A13" s="91" t="s">
        <v>61</v>
      </c>
      <c r="B13" s="92"/>
      <c r="C13" s="99">
        <v>8013.5999999999995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27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3645145.7085994612</v>
      </c>
      <c r="D17" s="40">
        <v>3645145.7085994612</v>
      </c>
      <c r="E17" s="40">
        <v>3645145.7085994612</v>
      </c>
      <c r="F17" s="40">
        <v>3645145.7085994612</v>
      </c>
      <c r="G17" s="40">
        <v>3645145.7085994612</v>
      </c>
      <c r="H17" s="40">
        <v>3645145.7085994612</v>
      </c>
      <c r="I17" s="40">
        <v>3645145.7085994612</v>
      </c>
      <c r="J17" s="40">
        <v>3645145.7085994612</v>
      </c>
      <c r="K17" s="40">
        <v>3645145.7085994612</v>
      </c>
      <c r="L17" s="40">
        <v>3645145.7085994612</v>
      </c>
      <c r="M17" s="40">
        <v>3645145.7085994612</v>
      </c>
      <c r="N17" s="40">
        <v>3645145.7085994612</v>
      </c>
      <c r="O17" s="40">
        <v>3645145.7085994612</v>
      </c>
      <c r="P17" s="40">
        <v>3645145.7085994612</v>
      </c>
      <c r="Q17" s="40">
        <v>3645145.7085994612</v>
      </c>
      <c r="R17" s="40">
        <v>3645145.7085994612</v>
      </c>
      <c r="S17" s="40">
        <v>3645145.7085994612</v>
      </c>
      <c r="T17" s="40">
        <v>3645145.7085994612</v>
      </c>
      <c r="U17" s="40">
        <v>3645145.7085994612</v>
      </c>
      <c r="V17" s="40">
        <v>3645145.7085994612</v>
      </c>
    </row>
    <row r="18" spans="1:22">
      <c r="A18" s="43" t="s">
        <v>64</v>
      </c>
      <c r="B18" s="43"/>
      <c r="C18" s="44">
        <v>72902.914171989221</v>
      </c>
      <c r="D18" s="44">
        <v>72902.914171989221</v>
      </c>
      <c r="E18" s="44">
        <v>72902.914171989221</v>
      </c>
      <c r="F18" s="44">
        <v>72902.914171989221</v>
      </c>
      <c r="G18" s="44">
        <v>72902.914171989221</v>
      </c>
      <c r="H18" s="44">
        <v>72902.914171989221</v>
      </c>
      <c r="I18" s="44">
        <v>72902.914171989221</v>
      </c>
      <c r="J18" s="44">
        <v>72902.914171989221</v>
      </c>
      <c r="K18" s="44">
        <v>72902.914171989221</v>
      </c>
      <c r="L18" s="44">
        <v>72902.914171989221</v>
      </c>
      <c r="M18" s="44">
        <v>72902.914171989221</v>
      </c>
      <c r="N18" s="44">
        <v>72902.914171989221</v>
      </c>
      <c r="O18" s="44">
        <v>72902.914171989221</v>
      </c>
      <c r="P18" s="44">
        <v>72902.914171989221</v>
      </c>
      <c r="Q18" s="44">
        <v>72902.914171989221</v>
      </c>
      <c r="R18" s="44">
        <v>72902.914171989221</v>
      </c>
      <c r="S18" s="44">
        <v>72902.914171989221</v>
      </c>
      <c r="T18" s="44">
        <v>72902.914171989221</v>
      </c>
      <c r="U18" s="44">
        <v>72902.914171989221</v>
      </c>
      <c r="V18" s="44">
        <v>72902.914171989221</v>
      </c>
    </row>
    <row r="19" spans="1:22">
      <c r="A19" s="39" t="s">
        <v>65</v>
      </c>
      <c r="B19" s="39"/>
      <c r="C19" s="45">
        <v>3572242.7944274722</v>
      </c>
      <c r="D19" s="45">
        <v>3572242.7944274722</v>
      </c>
      <c r="E19" s="45">
        <v>3572242.7944274722</v>
      </c>
      <c r="F19" s="45">
        <v>3572242.7944274722</v>
      </c>
      <c r="G19" s="45">
        <v>3572242.7944274722</v>
      </c>
      <c r="H19" s="45">
        <v>3572242.7944274722</v>
      </c>
      <c r="I19" s="45">
        <v>3572242.7944274722</v>
      </c>
      <c r="J19" s="45">
        <v>3572242.7944274722</v>
      </c>
      <c r="K19" s="45">
        <v>3572242.7944274722</v>
      </c>
      <c r="L19" s="45">
        <v>3572242.7944274722</v>
      </c>
      <c r="M19" s="45">
        <v>3572242.7944274722</v>
      </c>
      <c r="N19" s="45">
        <v>3572242.7944274722</v>
      </c>
      <c r="O19" s="45">
        <v>3572242.7944274722</v>
      </c>
      <c r="P19" s="45">
        <v>3572242.7944274722</v>
      </c>
      <c r="Q19" s="45">
        <v>3572242.7944274722</v>
      </c>
      <c r="R19" s="45">
        <v>3572242.7944274722</v>
      </c>
      <c r="S19" s="45">
        <v>3572242.7944274722</v>
      </c>
      <c r="T19" s="45">
        <v>3572242.7944274722</v>
      </c>
      <c r="U19" s="45">
        <v>3572242.7944274722</v>
      </c>
      <c r="V19" s="45">
        <v>3572242.7944274722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1801597.4852964266</v>
      </c>
      <c r="D21" s="44">
        <v>1801597.4852964266</v>
      </c>
      <c r="E21" s="44">
        <v>1801597.4852964266</v>
      </c>
      <c r="F21" s="44">
        <v>1809000.2852964266</v>
      </c>
      <c r="G21" s="44">
        <v>1809000.2852964266</v>
      </c>
      <c r="H21" s="44">
        <v>1809000.2852964266</v>
      </c>
      <c r="I21" s="44">
        <v>1809000.2852964266</v>
      </c>
      <c r="J21" s="44">
        <v>1809000.2852964266</v>
      </c>
      <c r="K21" s="44">
        <v>1809000.2852964266</v>
      </c>
      <c r="L21" s="44">
        <v>1809000.2852964266</v>
      </c>
      <c r="M21" s="46">
        <v>1801597.4852964266</v>
      </c>
      <c r="N21" s="46">
        <v>1801597.4852964266</v>
      </c>
      <c r="O21" s="46">
        <v>1801597.4852964266</v>
      </c>
      <c r="P21" s="46">
        <v>1809000.2852964266</v>
      </c>
      <c r="Q21" s="46">
        <v>1809000.2852964266</v>
      </c>
      <c r="R21" s="46">
        <v>1809000.2852964266</v>
      </c>
      <c r="S21" s="46">
        <v>1809000.2852964266</v>
      </c>
      <c r="T21" s="46">
        <v>1809000.2852964266</v>
      </c>
      <c r="U21" s="46">
        <v>1809000.2852964266</v>
      </c>
      <c r="V21" s="46">
        <v>1809000.2852964266</v>
      </c>
    </row>
    <row r="22" spans="1:22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40">
        <v>1224180.656073133</v>
      </c>
      <c r="D23" s="40">
        <v>1254397.4818531331</v>
      </c>
      <c r="E23" s="40">
        <v>1279040.187293133</v>
      </c>
      <c r="F23" s="40">
        <v>1283521.3072931331</v>
      </c>
      <c r="G23" s="40">
        <v>1283521.3072931331</v>
      </c>
      <c r="H23" s="40">
        <v>59451.95355333334</v>
      </c>
      <c r="I23" s="40">
        <v>217863.44377333333</v>
      </c>
      <c r="J23" s="40">
        <v>381849.05433333333</v>
      </c>
      <c r="K23" s="40">
        <v>565996.25033333327</v>
      </c>
      <c r="L23" s="40">
        <v>776624.56633333326</v>
      </c>
      <c r="M23" s="40">
        <v>1924482.6311133332</v>
      </c>
      <c r="N23" s="40">
        <v>1766071.1408933334</v>
      </c>
      <c r="O23" s="40">
        <v>1602085.5303333332</v>
      </c>
      <c r="P23" s="40">
        <v>1417938.3343333332</v>
      </c>
      <c r="Q23" s="40">
        <v>1207310.0183333333</v>
      </c>
      <c r="R23" s="40">
        <v>59451.953553333333</v>
      </c>
      <c r="S23" s="40">
        <v>217863.44377333333</v>
      </c>
      <c r="T23" s="40">
        <v>381849.05433333333</v>
      </c>
      <c r="U23" s="40">
        <v>565996.25033333327</v>
      </c>
      <c r="V23" s="40">
        <v>754624.56633333326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546464.6530579126</v>
      </c>
      <c r="D25" s="46">
        <v>516247.82727791253</v>
      </c>
      <c r="E25" s="46">
        <v>491605.12183791259</v>
      </c>
      <c r="F25" s="46">
        <v>479721.20183791243</v>
      </c>
      <c r="G25" s="46">
        <v>479721.20183791243</v>
      </c>
      <c r="H25" s="46">
        <v>1703790.5555777121</v>
      </c>
      <c r="I25" s="46">
        <v>1545379.0653577121</v>
      </c>
      <c r="J25" s="46">
        <v>1381393.4547977122</v>
      </c>
      <c r="K25" s="46">
        <v>1197246.2587977122</v>
      </c>
      <c r="L25" s="46">
        <v>986617.94279771228</v>
      </c>
      <c r="M25" s="46">
        <v>-153837.32198228757</v>
      </c>
      <c r="N25" s="46">
        <v>4574.1682377122343</v>
      </c>
      <c r="O25" s="46">
        <v>168559.77879771241</v>
      </c>
      <c r="P25" s="46">
        <v>345304.17479771236</v>
      </c>
      <c r="Q25" s="46">
        <v>555932.49079771223</v>
      </c>
      <c r="R25" s="46">
        <v>1703790.5555777121</v>
      </c>
      <c r="S25" s="46">
        <v>1545379.0653577121</v>
      </c>
      <c r="T25" s="46">
        <v>1381393.4547977122</v>
      </c>
      <c r="U25" s="46">
        <v>1197246.2587977122</v>
      </c>
      <c r="V25" s="46">
        <v>1008617.9427977123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185797.98203969031</v>
      </c>
      <c r="D27" s="40">
        <v>175524.26127449027</v>
      </c>
      <c r="E27" s="40">
        <v>167145.74142489029</v>
      </c>
      <c r="F27" s="40">
        <v>163105.20862489025</v>
      </c>
      <c r="G27" s="40">
        <v>163105.20862489025</v>
      </c>
      <c r="H27" s="40">
        <v>579288.78889642213</v>
      </c>
      <c r="I27" s="40">
        <v>525428.88222162216</v>
      </c>
      <c r="J27" s="40">
        <v>469673.77463122219</v>
      </c>
      <c r="K27" s="40">
        <v>407063.72799122217</v>
      </c>
      <c r="L27" s="40">
        <v>335450.10055122222</v>
      </c>
      <c r="M27" s="40">
        <v>0</v>
      </c>
      <c r="N27" s="40">
        <v>1555.2172008221598</v>
      </c>
      <c r="O27" s="40">
        <v>57310.324791222221</v>
      </c>
      <c r="P27" s="40">
        <v>117403.41943122221</v>
      </c>
      <c r="Q27" s="40">
        <v>189017.04687122218</v>
      </c>
      <c r="R27" s="40">
        <v>579288.78889642213</v>
      </c>
      <c r="S27" s="40">
        <v>525428.88222162216</v>
      </c>
      <c r="T27" s="40">
        <v>469673.77463122219</v>
      </c>
      <c r="U27" s="40">
        <v>407063.72799122217</v>
      </c>
      <c r="V27" s="40">
        <v>342930.10055122222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360666.67101822229</v>
      </c>
      <c r="D29" s="46">
        <v>340723.56600342225</v>
      </c>
      <c r="E29" s="46">
        <v>324459.3804130223</v>
      </c>
      <c r="F29" s="46">
        <v>316615.99321302219</v>
      </c>
      <c r="G29" s="46">
        <v>316615.99321302219</v>
      </c>
      <c r="H29" s="46">
        <v>1124501.76668129</v>
      </c>
      <c r="I29" s="46">
        <v>1019950.1831360899</v>
      </c>
      <c r="J29" s="46">
        <v>911719.68016648991</v>
      </c>
      <c r="K29" s="46">
        <v>790182.53080648999</v>
      </c>
      <c r="L29" s="46">
        <v>651167.84224649007</v>
      </c>
      <c r="M29" s="46">
        <v>-153837.32198228757</v>
      </c>
      <c r="N29" s="46">
        <v>3018.9510368900746</v>
      </c>
      <c r="O29" s="46">
        <v>111249.45400649018</v>
      </c>
      <c r="P29" s="46">
        <v>227900.75536649016</v>
      </c>
      <c r="Q29" s="46">
        <v>366915.44392649003</v>
      </c>
      <c r="R29" s="46">
        <v>1124501.76668129</v>
      </c>
      <c r="S29" s="46">
        <v>1019950.1831360899</v>
      </c>
      <c r="T29" s="46">
        <v>911719.68016648991</v>
      </c>
      <c r="U29" s="46">
        <v>790182.53080648999</v>
      </c>
      <c r="V29" s="46">
        <v>665687.84224649007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1224180.656073133</v>
      </c>
      <c r="D31" s="40">
        <v>1254397.4818531331</v>
      </c>
      <c r="E31" s="40">
        <v>1279040.187293133</v>
      </c>
      <c r="F31" s="40">
        <v>1283521.3072931331</v>
      </c>
      <c r="G31" s="40">
        <v>1283521.3072931331</v>
      </c>
      <c r="H31" s="40">
        <v>59451.95355333334</v>
      </c>
      <c r="I31" s="40">
        <v>217863.44377333333</v>
      </c>
      <c r="J31" s="40">
        <v>381849.05433333333</v>
      </c>
      <c r="K31" s="40">
        <v>565996.25033333327</v>
      </c>
      <c r="L31" s="40">
        <v>776624.56633333326</v>
      </c>
      <c r="M31" s="40">
        <v>1924482.6311133332</v>
      </c>
      <c r="N31" s="40">
        <v>1766071.1408933334</v>
      </c>
      <c r="O31" s="40">
        <v>1602085.5303333332</v>
      </c>
      <c r="P31" s="40">
        <v>1417938.3343333332</v>
      </c>
      <c r="Q31" s="40">
        <v>1207310.0183333333</v>
      </c>
      <c r="R31" s="40">
        <v>59451.953553333333</v>
      </c>
      <c r="S31" s="40">
        <v>217863.44377333333</v>
      </c>
      <c r="T31" s="40">
        <v>381849.05433333333</v>
      </c>
      <c r="U31" s="40">
        <v>565996.25033333327</v>
      </c>
      <c r="V31" s="40">
        <v>754624.56633333326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1584847.3270913553</v>
      </c>
      <c r="D33" s="46">
        <v>1595121.0478565553</v>
      </c>
      <c r="E33" s="46">
        <v>1603499.5677061554</v>
      </c>
      <c r="F33" s="46">
        <v>1600137.3005061552</v>
      </c>
      <c r="G33" s="46">
        <v>1600137.3005061552</v>
      </c>
      <c r="H33" s="46">
        <v>1183953.7202346234</v>
      </c>
      <c r="I33" s="46">
        <v>1237813.6269094232</v>
      </c>
      <c r="J33" s="46">
        <v>1293568.7344998233</v>
      </c>
      <c r="K33" s="46">
        <v>1356178.7811398231</v>
      </c>
      <c r="L33" s="46">
        <v>1427792.4085798233</v>
      </c>
      <c r="M33" s="46">
        <v>1770645.3091310456</v>
      </c>
      <c r="N33" s="46">
        <v>1769090.0919302234</v>
      </c>
      <c r="O33" s="46">
        <v>1713334.9843398235</v>
      </c>
      <c r="P33" s="46">
        <v>1645839.0896998234</v>
      </c>
      <c r="Q33" s="46">
        <v>1574225.4622598235</v>
      </c>
      <c r="R33" s="46">
        <v>1183953.7202346234</v>
      </c>
      <c r="S33" s="46">
        <v>1237813.6269094232</v>
      </c>
      <c r="T33" s="46">
        <v>1293568.7344998233</v>
      </c>
      <c r="U33" s="46">
        <v>1356178.7811398231</v>
      </c>
      <c r="V33" s="46">
        <v>1420312.4085798233</v>
      </c>
    </row>
    <row r="34" spans="1:22">
      <c r="A34" s="39"/>
      <c r="B34" s="40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8060657.4173387997</v>
      </c>
      <c r="C35" s="45">
        <v>80440.843899999993</v>
      </c>
      <c r="D35" s="45">
        <v>151084.12890000001</v>
      </c>
      <c r="E35" s="45">
        <v>123213.52720000001</v>
      </c>
      <c r="F35" s="45">
        <v>22405.599999999999</v>
      </c>
      <c r="G35" s="45">
        <v>0</v>
      </c>
      <c r="H35" s="45">
        <v>943141.58</v>
      </c>
      <c r="I35" s="45">
        <v>943141.58</v>
      </c>
      <c r="J35" s="45">
        <v>943141.58</v>
      </c>
      <c r="K35" s="45">
        <v>943141.58</v>
      </c>
      <c r="L35" s="45">
        <v>5768849.4799999995</v>
      </c>
      <c r="M35" s="45">
        <v>80440.843899999993</v>
      </c>
      <c r="N35" s="45">
        <v>151084.12890000001</v>
      </c>
      <c r="O35" s="45">
        <v>123213.52720000001</v>
      </c>
      <c r="P35" s="45">
        <v>22405.599999999999</v>
      </c>
      <c r="Q35" s="45">
        <v>0</v>
      </c>
      <c r="R35" s="45">
        <v>943141.58</v>
      </c>
      <c r="S35" s="45">
        <v>943141.58</v>
      </c>
      <c r="T35" s="45">
        <v>943141.58</v>
      </c>
      <c r="U35" s="45">
        <v>943141.58</v>
      </c>
      <c r="V35" s="45">
        <v>-24679.417606800365</v>
      </c>
    </row>
    <row r="36" spans="1:22">
      <c r="A36" s="47" t="s">
        <v>74</v>
      </c>
      <c r="B36" s="46">
        <v>7965207.8997319993</v>
      </c>
      <c r="C36" s="46">
        <v>0</v>
      </c>
      <c r="D36" s="46">
        <v>0</v>
      </c>
      <c r="E36" s="46">
        <v>0</v>
      </c>
      <c r="F36" s="46">
        <v>0</v>
      </c>
      <c r="G36" s="46">
        <v>0</v>
      </c>
      <c r="H36" s="46">
        <v>943141.58</v>
      </c>
      <c r="I36" s="46">
        <v>943141.58</v>
      </c>
      <c r="J36" s="46">
        <v>943141.58</v>
      </c>
      <c r="K36" s="46">
        <v>943141.58</v>
      </c>
      <c r="L36" s="46">
        <v>5658849.4799999995</v>
      </c>
      <c r="M36" s="46">
        <v>0</v>
      </c>
      <c r="N36" s="46">
        <v>0</v>
      </c>
      <c r="O36" s="46">
        <v>0</v>
      </c>
      <c r="P36" s="46">
        <v>0</v>
      </c>
      <c r="Q36" s="46">
        <v>0</v>
      </c>
      <c r="R36" s="46">
        <v>943141.58</v>
      </c>
      <c r="S36" s="46">
        <v>943141.58</v>
      </c>
      <c r="T36" s="46">
        <v>943141.58</v>
      </c>
      <c r="U36" s="46">
        <v>943141.58</v>
      </c>
      <c r="V36" s="46">
        <v>0</v>
      </c>
    </row>
    <row r="37" spans="1:22">
      <c r="A37" s="48" t="s">
        <v>75</v>
      </c>
      <c r="B37" s="40">
        <v>66000</v>
      </c>
      <c r="C37" s="40">
        <v>80440.843899999993</v>
      </c>
      <c r="D37" s="40">
        <v>151084.12890000001</v>
      </c>
      <c r="E37" s="40">
        <v>123213.52720000001</v>
      </c>
      <c r="F37" s="40">
        <v>22405.599999999999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110000</v>
      </c>
      <c r="M37" s="40">
        <v>80440.843899999993</v>
      </c>
      <c r="N37" s="40">
        <v>151084.12890000001</v>
      </c>
      <c r="O37" s="40">
        <v>123213.52720000001</v>
      </c>
      <c r="P37" s="40">
        <v>22405.599999999999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9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24679.417606800365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24679.417606800365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0</v>
      </c>
      <c r="D41" s="44">
        <v>0</v>
      </c>
      <c r="E41" s="44">
        <v>0</v>
      </c>
      <c r="F41" s="44">
        <v>0</v>
      </c>
      <c r="G41" s="44">
        <v>0</v>
      </c>
      <c r="H41" s="44">
        <v>40083.51715</v>
      </c>
      <c r="I41" s="44">
        <v>40083.51715</v>
      </c>
      <c r="J41" s="44">
        <v>40083.51715</v>
      </c>
      <c r="K41" s="44">
        <v>40083.51715</v>
      </c>
      <c r="L41" s="44">
        <v>240501.10290000003</v>
      </c>
      <c r="M41" s="44">
        <v>0</v>
      </c>
      <c r="N41" s="44">
        <v>0</v>
      </c>
      <c r="O41" s="44">
        <v>0</v>
      </c>
      <c r="P41" s="44">
        <v>0</v>
      </c>
      <c r="Q41" s="44">
        <v>0</v>
      </c>
      <c r="R41" s="44">
        <v>40083.51715</v>
      </c>
      <c r="S41" s="44">
        <v>40083.51715</v>
      </c>
      <c r="T41" s="44">
        <v>40083.51715</v>
      </c>
      <c r="U41" s="44">
        <v>40083.51715</v>
      </c>
      <c r="V41" s="44">
        <v>1788024.2412629332</v>
      </c>
    </row>
    <row r="42" spans="1:22">
      <c r="A42" s="39" t="s">
        <v>79</v>
      </c>
      <c r="B42" s="39"/>
      <c r="C42" s="45">
        <v>0</v>
      </c>
      <c r="D42" s="45">
        <v>0</v>
      </c>
      <c r="E42" s="45">
        <v>0</v>
      </c>
      <c r="F42" s="45">
        <v>0</v>
      </c>
      <c r="G42" s="45">
        <v>0</v>
      </c>
      <c r="H42" s="45">
        <v>40083.51715</v>
      </c>
      <c r="I42" s="45">
        <v>40083.51715</v>
      </c>
      <c r="J42" s="45">
        <v>40083.51715</v>
      </c>
      <c r="K42" s="45">
        <v>40083.51715</v>
      </c>
      <c r="L42" s="45">
        <v>240501.10290000003</v>
      </c>
      <c r="M42" s="45">
        <v>0</v>
      </c>
      <c r="N42" s="45">
        <v>0</v>
      </c>
      <c r="O42" s="45">
        <v>0</v>
      </c>
      <c r="P42" s="45">
        <v>0</v>
      </c>
      <c r="Q42" s="45">
        <v>0</v>
      </c>
      <c r="R42" s="45">
        <v>40083.51715</v>
      </c>
      <c r="S42" s="45">
        <v>40083.51715</v>
      </c>
      <c r="T42" s="45">
        <v>40083.51715</v>
      </c>
      <c r="U42" s="45">
        <v>40083.51715</v>
      </c>
      <c r="V42" s="45">
        <v>1785480.1879296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3">
        <v>0</v>
      </c>
      <c r="M43" s="43">
        <v>0</v>
      </c>
      <c r="N43" s="43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8060657.4173387997</v>
      </c>
      <c r="C45" s="51">
        <v>1504406.4831913554</v>
      </c>
      <c r="D45" s="51">
        <v>1444036.9189565554</v>
      </c>
      <c r="E45" s="51">
        <v>1480286.0405061552</v>
      </c>
      <c r="F45" s="51">
        <v>1577731.7005061551</v>
      </c>
      <c r="G45" s="51">
        <v>1600137.3005061552</v>
      </c>
      <c r="H45" s="51">
        <v>280895.65738462342</v>
      </c>
      <c r="I45" s="51">
        <v>334755.56405942317</v>
      </c>
      <c r="J45" s="51">
        <v>390510.67164982331</v>
      </c>
      <c r="K45" s="51">
        <v>453120.71828982315</v>
      </c>
      <c r="L45" s="51">
        <v>-4100555.9685201761</v>
      </c>
      <c r="M45" s="51">
        <v>1690204.4652310456</v>
      </c>
      <c r="N45" s="51">
        <v>1618005.9630302233</v>
      </c>
      <c r="O45" s="51">
        <v>1590121.4571398236</v>
      </c>
      <c r="P45" s="51">
        <v>1623433.4896998233</v>
      </c>
      <c r="Q45" s="51">
        <v>1574225.4622598235</v>
      </c>
      <c r="R45" s="51">
        <v>280895.65738462342</v>
      </c>
      <c r="S45" s="51">
        <v>334755.56405942317</v>
      </c>
      <c r="T45" s="51">
        <v>390510.67164982331</v>
      </c>
      <c r="U45" s="51">
        <v>453120.71828982315</v>
      </c>
      <c r="V45" s="51">
        <v>3233016.0674495567</v>
      </c>
    </row>
    <row r="46" spans="1:22">
      <c r="A46" s="39"/>
      <c r="B46" s="40"/>
      <c r="C46" s="40"/>
      <c r="D46" s="40"/>
      <c r="E46" s="40"/>
      <c r="F46" s="40"/>
      <c r="G46" s="40"/>
      <c r="H46" s="40"/>
      <c r="I46" s="40"/>
      <c r="J46" s="40"/>
      <c r="K46" s="40"/>
      <c r="L46" s="40"/>
      <c r="M46" s="40"/>
      <c r="N46" s="40"/>
      <c r="O46" s="40"/>
      <c r="P46" s="40"/>
      <c r="Q46" s="40"/>
      <c r="R46" s="40"/>
      <c r="S46" s="40"/>
      <c r="T46" s="40"/>
      <c r="U46" s="40"/>
      <c r="V46" s="40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1224180.656073133</v>
      </c>
      <c r="D55" s="58">
        <v>1254397.4818531331</v>
      </c>
      <c r="E55" s="58">
        <v>1279040.187293133</v>
      </c>
      <c r="F55" s="58">
        <v>1283521.3072931331</v>
      </c>
      <c r="G55" s="58">
        <v>1283521.3072931331</v>
      </c>
      <c r="H55" s="58">
        <v>59451.95355333334</v>
      </c>
      <c r="I55" s="58">
        <v>217863.44377333333</v>
      </c>
      <c r="J55" s="58">
        <v>381849.05433333333</v>
      </c>
      <c r="K55" s="58">
        <v>565996.25033333327</v>
      </c>
      <c r="L55" s="58">
        <v>776624.56633333326</v>
      </c>
      <c r="M55" s="58">
        <v>1924482.6311133332</v>
      </c>
      <c r="N55" s="58">
        <v>1766071.1408933334</v>
      </c>
      <c r="O55" s="58">
        <v>1602085.5303333332</v>
      </c>
      <c r="P55" s="58">
        <v>1417938.3343333332</v>
      </c>
      <c r="Q55" s="58">
        <v>1207310.0183333333</v>
      </c>
      <c r="R55" s="58">
        <v>59451.953553333333</v>
      </c>
      <c r="S55" s="58">
        <v>217863.44377333333</v>
      </c>
      <c r="T55" s="58">
        <v>381849.05433333333</v>
      </c>
      <c r="U55" s="58">
        <v>565996.25033333327</v>
      </c>
      <c r="V55" s="59">
        <v>754624.56633333326</v>
      </c>
    </row>
    <row r="56" spans="1:22">
      <c r="A56" s="60" t="s">
        <v>83</v>
      </c>
      <c r="B56" s="61"/>
      <c r="C56" s="63">
        <v>1194781.1849597997</v>
      </c>
      <c r="D56" s="63">
        <v>1194781.1849597997</v>
      </c>
      <c r="E56" s="63">
        <v>1194781.1849597997</v>
      </c>
      <c r="F56" s="63">
        <v>1194781.1849597997</v>
      </c>
      <c r="G56" s="63">
        <v>1194781.1849597997</v>
      </c>
      <c r="H56" s="63">
        <v>0</v>
      </c>
      <c r="I56" s="63">
        <v>188628.31599999999</v>
      </c>
      <c r="J56" s="63">
        <v>377256.63199999998</v>
      </c>
      <c r="K56" s="63">
        <v>565884.94799999997</v>
      </c>
      <c r="L56" s="63">
        <v>754513.26399999997</v>
      </c>
      <c r="M56" s="63">
        <v>1886283.16</v>
      </c>
      <c r="N56" s="63">
        <v>1697654.844</v>
      </c>
      <c r="O56" s="63">
        <v>1509026.5279999999</v>
      </c>
      <c r="P56" s="63">
        <v>1320398.2119999998</v>
      </c>
      <c r="Q56" s="63">
        <v>1131769.8959999999</v>
      </c>
      <c r="R56" s="63">
        <v>0</v>
      </c>
      <c r="S56" s="63">
        <v>188628.31599999999</v>
      </c>
      <c r="T56" s="63">
        <v>377256.63199999998</v>
      </c>
      <c r="U56" s="63">
        <v>565884.94799999997</v>
      </c>
      <c r="V56" s="64">
        <v>754513.26399999997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9288.16878</v>
      </c>
      <c r="D58" s="71">
        <v>59504.994560000006</v>
      </c>
      <c r="E58" s="71">
        <v>84147.700000000012</v>
      </c>
      <c r="F58" s="71">
        <v>88628.82</v>
      </c>
      <c r="G58" s="71">
        <v>88628.82</v>
      </c>
      <c r="H58" s="71">
        <v>59340.651220000007</v>
      </c>
      <c r="I58" s="71">
        <v>29123.825440000001</v>
      </c>
      <c r="J58" s="71">
        <v>4481.12</v>
      </c>
      <c r="K58" s="71">
        <v>0</v>
      </c>
      <c r="L58" s="71">
        <v>22000</v>
      </c>
      <c r="M58" s="71">
        <v>38088.16878</v>
      </c>
      <c r="N58" s="71">
        <v>68304.994560000006</v>
      </c>
      <c r="O58" s="71">
        <v>92947.700000000012</v>
      </c>
      <c r="P58" s="71">
        <v>97428.819999999992</v>
      </c>
      <c r="Q58" s="71">
        <v>75428.820000000007</v>
      </c>
      <c r="R58" s="71">
        <v>59340.65122</v>
      </c>
      <c r="S58" s="71">
        <v>29123.825440000001</v>
      </c>
      <c r="T58" s="71">
        <v>4481.12</v>
      </c>
      <c r="U58" s="71">
        <v>0</v>
      </c>
      <c r="V58" s="72">
        <v>0</v>
      </c>
    </row>
    <row r="88" spans="11:11" ht="12.75">
      <c r="K88" s="103" t="s">
        <v>117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>
  <sheetPr codeName="Plan17"/>
  <dimension ref="A1:V88"/>
  <sheetViews>
    <sheetView tabSelected="1" view="pageBreakPreview" topLeftCell="A19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4.75" customHeight="1">
      <c r="A1" s="82" t="s">
        <v>131</v>
      </c>
    </row>
    <row r="4" spans="1:22" ht="18">
      <c r="A4" s="82" t="s">
        <v>143</v>
      </c>
    </row>
    <row r="5" spans="1:22" ht="15.75">
      <c r="A5" s="87" t="s">
        <v>104</v>
      </c>
    </row>
    <row r="6" spans="1:22" ht="15.75">
      <c r="A6" s="87" t="s">
        <v>102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2">
        <v>31158.421052631726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14497.340077670222</v>
      </c>
    </row>
    <row r="11" spans="1:22" ht="12.75">
      <c r="A11" s="91" t="s">
        <v>59</v>
      </c>
      <c r="B11" s="92"/>
      <c r="C11" s="99">
        <v>6468.6958237999997</v>
      </c>
    </row>
    <row r="12" spans="1:22" ht="12.75">
      <c r="A12" s="91" t="s">
        <v>60</v>
      </c>
      <c r="B12" s="92"/>
      <c r="C12" s="100">
        <v>8028.6442538702222</v>
      </c>
    </row>
    <row r="13" spans="1:22" ht="12.75">
      <c r="A13" s="91" t="s">
        <v>61</v>
      </c>
      <c r="B13" s="92"/>
      <c r="C13" s="99">
        <v>8013.5999999999995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27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3739010.5263158069</v>
      </c>
      <c r="D17" s="40">
        <v>3739010.5263158069</v>
      </c>
      <c r="E17" s="40">
        <v>3739010.5263158069</v>
      </c>
      <c r="F17" s="40">
        <v>3739010.5263158069</v>
      </c>
      <c r="G17" s="40">
        <v>3739010.5263158069</v>
      </c>
      <c r="H17" s="40">
        <v>3739010.5263158069</v>
      </c>
      <c r="I17" s="40">
        <v>3739010.5263158069</v>
      </c>
      <c r="J17" s="40">
        <v>3739010.5263158069</v>
      </c>
      <c r="K17" s="40">
        <v>3739010.5263158069</v>
      </c>
      <c r="L17" s="40">
        <v>3739010.5263158069</v>
      </c>
      <c r="M17" s="40">
        <v>3739010.5263158069</v>
      </c>
      <c r="N17" s="40">
        <v>3739010.5263158069</v>
      </c>
      <c r="O17" s="40">
        <v>3739010.5263158069</v>
      </c>
      <c r="P17" s="40">
        <v>3739010.5263158069</v>
      </c>
      <c r="Q17" s="40">
        <v>3739010.5263158069</v>
      </c>
      <c r="R17" s="40">
        <v>3739010.5263158069</v>
      </c>
      <c r="S17" s="40">
        <v>3739010.5263158069</v>
      </c>
      <c r="T17" s="40">
        <v>3739010.5263158069</v>
      </c>
      <c r="U17" s="40">
        <v>3739010.5263158069</v>
      </c>
      <c r="V17" s="40">
        <v>3739010.5263158069</v>
      </c>
    </row>
    <row r="18" spans="1:22">
      <c r="A18" s="43" t="s">
        <v>64</v>
      </c>
      <c r="B18" s="43"/>
      <c r="C18" s="44">
        <v>74780.210526316136</v>
      </c>
      <c r="D18" s="44">
        <v>74780.210526316136</v>
      </c>
      <c r="E18" s="44">
        <v>74780.210526316136</v>
      </c>
      <c r="F18" s="44">
        <v>74780.210526316136</v>
      </c>
      <c r="G18" s="44">
        <v>74780.210526316136</v>
      </c>
      <c r="H18" s="44">
        <v>74780.210526316136</v>
      </c>
      <c r="I18" s="44">
        <v>74780.210526316136</v>
      </c>
      <c r="J18" s="44">
        <v>74780.210526316136</v>
      </c>
      <c r="K18" s="44">
        <v>74780.210526316136</v>
      </c>
      <c r="L18" s="44">
        <v>74780.210526316136</v>
      </c>
      <c r="M18" s="44">
        <v>74780.210526316136</v>
      </c>
      <c r="N18" s="44">
        <v>74780.210526316136</v>
      </c>
      <c r="O18" s="44">
        <v>74780.210526316136</v>
      </c>
      <c r="P18" s="44">
        <v>74780.210526316136</v>
      </c>
      <c r="Q18" s="44">
        <v>74780.210526316136</v>
      </c>
      <c r="R18" s="44">
        <v>74780.210526316136</v>
      </c>
      <c r="S18" s="44">
        <v>74780.210526316136</v>
      </c>
      <c r="T18" s="44">
        <v>74780.210526316136</v>
      </c>
      <c r="U18" s="44">
        <v>74780.210526316136</v>
      </c>
      <c r="V18" s="44">
        <v>74780.210526316136</v>
      </c>
    </row>
    <row r="19" spans="1:22">
      <c r="A19" s="39" t="s">
        <v>65</v>
      </c>
      <c r="B19" s="39"/>
      <c r="C19" s="45">
        <v>3664230.3157894909</v>
      </c>
      <c r="D19" s="45">
        <v>3664230.3157894909</v>
      </c>
      <c r="E19" s="45">
        <v>3664230.3157894909</v>
      </c>
      <c r="F19" s="45">
        <v>3664230.3157894909</v>
      </c>
      <c r="G19" s="45">
        <v>3664230.3157894909</v>
      </c>
      <c r="H19" s="45">
        <v>3664230.3157894909</v>
      </c>
      <c r="I19" s="45">
        <v>3664230.3157894909</v>
      </c>
      <c r="J19" s="45">
        <v>3664230.3157894909</v>
      </c>
      <c r="K19" s="45">
        <v>3664230.3157894909</v>
      </c>
      <c r="L19" s="45">
        <v>3664230.3157894909</v>
      </c>
      <c r="M19" s="45">
        <v>3664230.3157894909</v>
      </c>
      <c r="N19" s="45">
        <v>3664230.3157894909</v>
      </c>
      <c r="O19" s="45">
        <v>3664230.3157894909</v>
      </c>
      <c r="P19" s="45">
        <v>3664230.3157894909</v>
      </c>
      <c r="Q19" s="45">
        <v>3664230.3157894909</v>
      </c>
      <c r="R19" s="45">
        <v>3664230.3157894909</v>
      </c>
      <c r="S19" s="45">
        <v>3664230.3157894909</v>
      </c>
      <c r="T19" s="45">
        <v>3664230.3157894909</v>
      </c>
      <c r="U19" s="45">
        <v>3664230.3157894909</v>
      </c>
      <c r="V19" s="45">
        <v>3664230.3157894909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1830420.0093204265</v>
      </c>
      <c r="D21" s="44">
        <v>1830420.0093204265</v>
      </c>
      <c r="E21" s="44">
        <v>1830420.0093204265</v>
      </c>
      <c r="F21" s="44">
        <v>1837822.8093204265</v>
      </c>
      <c r="G21" s="44">
        <v>1837822.8093204265</v>
      </c>
      <c r="H21" s="44">
        <v>1837822.8093204265</v>
      </c>
      <c r="I21" s="44">
        <v>1837822.8093204265</v>
      </c>
      <c r="J21" s="44">
        <v>1837822.8093204265</v>
      </c>
      <c r="K21" s="44">
        <v>1837822.8093204265</v>
      </c>
      <c r="L21" s="44">
        <v>1837822.8093204265</v>
      </c>
      <c r="M21" s="46">
        <v>1830420.0093204265</v>
      </c>
      <c r="N21" s="46">
        <v>1830420.0093204265</v>
      </c>
      <c r="O21" s="46">
        <v>1830420.0093204265</v>
      </c>
      <c r="P21" s="46">
        <v>1837822.8093204265</v>
      </c>
      <c r="Q21" s="46">
        <v>1837822.8093204265</v>
      </c>
      <c r="R21" s="46">
        <v>1837822.8093204265</v>
      </c>
      <c r="S21" s="46">
        <v>1837822.8093204265</v>
      </c>
      <c r="T21" s="46">
        <v>1837822.8093204265</v>
      </c>
      <c r="U21" s="46">
        <v>1837822.8093204265</v>
      </c>
      <c r="V21" s="46">
        <v>1837822.8093204265</v>
      </c>
    </row>
    <row r="22" spans="1:22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40">
        <v>1268663.8151242333</v>
      </c>
      <c r="D23" s="40">
        <v>1298880.6409042333</v>
      </c>
      <c r="E23" s="40">
        <v>1323523.3463442333</v>
      </c>
      <c r="F23" s="40">
        <v>1328004.4663442334</v>
      </c>
      <c r="G23" s="40">
        <v>1328004.4663442334</v>
      </c>
      <c r="H23" s="40">
        <v>59451.95355333334</v>
      </c>
      <c r="I23" s="40">
        <v>224886.30577333336</v>
      </c>
      <c r="J23" s="40">
        <v>395894.77833333338</v>
      </c>
      <c r="K23" s="40">
        <v>587064.83633333328</v>
      </c>
      <c r="L23" s="40">
        <v>804716.01433333335</v>
      </c>
      <c r="M23" s="40">
        <v>1994711.2511133333</v>
      </c>
      <c r="N23" s="40">
        <v>1829276.8988933333</v>
      </c>
      <c r="O23" s="40">
        <v>1658268.4263333334</v>
      </c>
      <c r="P23" s="40">
        <v>1467098.3683333334</v>
      </c>
      <c r="Q23" s="40">
        <v>1249447.1903333333</v>
      </c>
      <c r="R23" s="40">
        <v>59451.953553333333</v>
      </c>
      <c r="S23" s="40">
        <v>224886.30577333336</v>
      </c>
      <c r="T23" s="40">
        <v>395894.77833333338</v>
      </c>
      <c r="U23" s="40">
        <v>587064.83633333328</v>
      </c>
      <c r="V23" s="40">
        <v>782716.01433333335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565146.49134483119</v>
      </c>
      <c r="D25" s="46">
        <v>534929.66556483111</v>
      </c>
      <c r="E25" s="46">
        <v>510286.96012483118</v>
      </c>
      <c r="F25" s="46">
        <v>498403.04012483102</v>
      </c>
      <c r="G25" s="46">
        <v>498403.04012483102</v>
      </c>
      <c r="H25" s="46">
        <v>1766955.552915731</v>
      </c>
      <c r="I25" s="46">
        <v>1601521.200695731</v>
      </c>
      <c r="J25" s="46">
        <v>1430512.7281357311</v>
      </c>
      <c r="K25" s="46">
        <v>1239342.6701357311</v>
      </c>
      <c r="L25" s="46">
        <v>1021691.492135731</v>
      </c>
      <c r="M25" s="46">
        <v>-160900.94464426883</v>
      </c>
      <c r="N25" s="46">
        <v>4533.4075757311657</v>
      </c>
      <c r="O25" s="46">
        <v>175541.88013573107</v>
      </c>
      <c r="P25" s="46">
        <v>359309.13813573099</v>
      </c>
      <c r="Q25" s="46">
        <v>576960.31613573106</v>
      </c>
      <c r="R25" s="46">
        <v>1766955.552915731</v>
      </c>
      <c r="S25" s="46">
        <v>1601521.200695731</v>
      </c>
      <c r="T25" s="46">
        <v>1430512.7281357311</v>
      </c>
      <c r="U25" s="46">
        <v>1239342.6701357311</v>
      </c>
      <c r="V25" s="46">
        <v>1043691.492135731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192149.80705724261</v>
      </c>
      <c r="D27" s="40">
        <v>181876.0862920426</v>
      </c>
      <c r="E27" s="40">
        <v>173497.56644244262</v>
      </c>
      <c r="F27" s="40">
        <v>169457.03364244255</v>
      </c>
      <c r="G27" s="40">
        <v>169457.03364244255</v>
      </c>
      <c r="H27" s="40">
        <v>600764.88799134863</v>
      </c>
      <c r="I27" s="40">
        <v>544517.20823654858</v>
      </c>
      <c r="J27" s="40">
        <v>486374.3275661486</v>
      </c>
      <c r="K27" s="40">
        <v>421376.50784614863</v>
      </c>
      <c r="L27" s="40">
        <v>347375.1073261486</v>
      </c>
      <c r="M27" s="40">
        <v>0</v>
      </c>
      <c r="N27" s="40">
        <v>1541.3585757485964</v>
      </c>
      <c r="O27" s="40">
        <v>59684.239246148572</v>
      </c>
      <c r="P27" s="40">
        <v>122165.10696614854</v>
      </c>
      <c r="Q27" s="40">
        <v>196166.50748614856</v>
      </c>
      <c r="R27" s="40">
        <v>600764.88799134863</v>
      </c>
      <c r="S27" s="40">
        <v>544517.20823654858</v>
      </c>
      <c r="T27" s="40">
        <v>486374.3275661486</v>
      </c>
      <c r="U27" s="40">
        <v>421376.50784614863</v>
      </c>
      <c r="V27" s="40">
        <v>354855.1073261486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372996.68428758858</v>
      </c>
      <c r="D29" s="46">
        <v>353053.57927278848</v>
      </c>
      <c r="E29" s="46">
        <v>336789.39368238859</v>
      </c>
      <c r="F29" s="46">
        <v>328946.00648238847</v>
      </c>
      <c r="G29" s="46">
        <v>328946.00648238847</v>
      </c>
      <c r="H29" s="46">
        <v>1166190.6649243822</v>
      </c>
      <c r="I29" s="46">
        <v>1057003.9924591824</v>
      </c>
      <c r="J29" s="46">
        <v>944138.40056958247</v>
      </c>
      <c r="K29" s="46">
        <v>817966.16228958243</v>
      </c>
      <c r="L29" s="46">
        <v>674316.38480958249</v>
      </c>
      <c r="M29" s="46">
        <v>-160900.94464426883</v>
      </c>
      <c r="N29" s="46">
        <v>2992.0489999825695</v>
      </c>
      <c r="O29" s="46">
        <v>115857.6408895825</v>
      </c>
      <c r="P29" s="46">
        <v>237144.03116958245</v>
      </c>
      <c r="Q29" s="46">
        <v>380793.8086495825</v>
      </c>
      <c r="R29" s="46">
        <v>1166190.6649243822</v>
      </c>
      <c r="S29" s="46">
        <v>1057003.9924591824</v>
      </c>
      <c r="T29" s="46">
        <v>944138.40056958247</v>
      </c>
      <c r="U29" s="46">
        <v>817966.16228958243</v>
      </c>
      <c r="V29" s="46">
        <v>688836.38480958249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1268663.8151242333</v>
      </c>
      <c r="D31" s="40">
        <v>1298880.6409042333</v>
      </c>
      <c r="E31" s="40">
        <v>1323523.3463442333</v>
      </c>
      <c r="F31" s="40">
        <v>1328004.4663442334</v>
      </c>
      <c r="G31" s="40">
        <v>1328004.4663442334</v>
      </c>
      <c r="H31" s="40">
        <v>59451.95355333334</v>
      </c>
      <c r="I31" s="40">
        <v>224886.30577333336</v>
      </c>
      <c r="J31" s="40">
        <v>395894.77833333338</v>
      </c>
      <c r="K31" s="40">
        <v>587064.83633333328</v>
      </c>
      <c r="L31" s="40">
        <v>804716.01433333335</v>
      </c>
      <c r="M31" s="40">
        <v>1994711.2511133333</v>
      </c>
      <c r="N31" s="40">
        <v>1829276.8988933333</v>
      </c>
      <c r="O31" s="40">
        <v>1658268.4263333334</v>
      </c>
      <c r="P31" s="40">
        <v>1467098.3683333334</v>
      </c>
      <c r="Q31" s="40">
        <v>1249447.1903333333</v>
      </c>
      <c r="R31" s="40">
        <v>59451.953553333333</v>
      </c>
      <c r="S31" s="40">
        <v>224886.30577333336</v>
      </c>
      <c r="T31" s="40">
        <v>395894.77833333338</v>
      </c>
      <c r="U31" s="40">
        <v>587064.83633333328</v>
      </c>
      <c r="V31" s="40">
        <v>782716.01433333335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1641660.4994118218</v>
      </c>
      <c r="D33" s="46">
        <v>1651934.2201770218</v>
      </c>
      <c r="E33" s="46">
        <v>1660312.7400266218</v>
      </c>
      <c r="F33" s="46">
        <v>1656950.472826622</v>
      </c>
      <c r="G33" s="46">
        <v>1656950.472826622</v>
      </c>
      <c r="H33" s="46">
        <v>1225642.6184777156</v>
      </c>
      <c r="I33" s="46">
        <v>1281890.2982325158</v>
      </c>
      <c r="J33" s="46">
        <v>1340033.1789029159</v>
      </c>
      <c r="K33" s="46">
        <v>1405030.9986229157</v>
      </c>
      <c r="L33" s="46">
        <v>1479032.3991429158</v>
      </c>
      <c r="M33" s="46">
        <v>1833810.3064690644</v>
      </c>
      <c r="N33" s="46">
        <v>1832268.9478933159</v>
      </c>
      <c r="O33" s="46">
        <v>1774126.0672229158</v>
      </c>
      <c r="P33" s="46">
        <v>1704242.3995029158</v>
      </c>
      <c r="Q33" s="46">
        <v>1630240.9989829159</v>
      </c>
      <c r="R33" s="46">
        <v>1225642.6184777156</v>
      </c>
      <c r="S33" s="46">
        <v>1281890.2982325158</v>
      </c>
      <c r="T33" s="46">
        <v>1340033.1789029159</v>
      </c>
      <c r="U33" s="46">
        <v>1405030.9986229157</v>
      </c>
      <c r="V33" s="46">
        <v>1471552.3991429158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8357606.6401090184</v>
      </c>
      <c r="C35" s="45">
        <v>80440.843899999993</v>
      </c>
      <c r="D35" s="45">
        <v>151084.12890000001</v>
      </c>
      <c r="E35" s="45">
        <v>123213.52720000001</v>
      </c>
      <c r="F35" s="45">
        <v>22405.599999999999</v>
      </c>
      <c r="G35" s="45">
        <v>0</v>
      </c>
      <c r="H35" s="45">
        <v>978255.89</v>
      </c>
      <c r="I35" s="45">
        <v>978255.89</v>
      </c>
      <c r="J35" s="45">
        <v>978255.89</v>
      </c>
      <c r="K35" s="45">
        <v>978255.89</v>
      </c>
      <c r="L35" s="45">
        <v>5979535.3399999999</v>
      </c>
      <c r="M35" s="45">
        <v>80440.843899999993</v>
      </c>
      <c r="N35" s="45">
        <v>151084.12890000001</v>
      </c>
      <c r="O35" s="45">
        <v>123213.52720000001</v>
      </c>
      <c r="P35" s="45">
        <v>22405.599999999999</v>
      </c>
      <c r="Q35" s="45">
        <v>0</v>
      </c>
      <c r="R35" s="45">
        <v>978255.89</v>
      </c>
      <c r="S35" s="45">
        <v>978255.89</v>
      </c>
      <c r="T35" s="45">
        <v>978255.89</v>
      </c>
      <c r="U35" s="45">
        <v>978255.89</v>
      </c>
      <c r="V35" s="45">
        <v>-25074.24670301954</v>
      </c>
    </row>
    <row r="36" spans="1:22">
      <c r="A36" s="47" t="s">
        <v>74</v>
      </c>
      <c r="B36" s="46">
        <v>8261762.2934059994</v>
      </c>
      <c r="C36" s="46">
        <v>0</v>
      </c>
      <c r="D36" s="46">
        <v>0</v>
      </c>
      <c r="E36" s="46">
        <v>0</v>
      </c>
      <c r="F36" s="46">
        <v>0</v>
      </c>
      <c r="G36" s="46">
        <v>0</v>
      </c>
      <c r="H36" s="46">
        <v>978255.89</v>
      </c>
      <c r="I36" s="46">
        <v>978255.89</v>
      </c>
      <c r="J36" s="46">
        <v>978255.89</v>
      </c>
      <c r="K36" s="46">
        <v>978255.89</v>
      </c>
      <c r="L36" s="46">
        <v>5869535.3399999999</v>
      </c>
      <c r="M36" s="46">
        <v>0</v>
      </c>
      <c r="N36" s="46">
        <v>0</v>
      </c>
      <c r="O36" s="46">
        <v>0</v>
      </c>
      <c r="P36" s="46">
        <v>0</v>
      </c>
      <c r="Q36" s="46">
        <v>0</v>
      </c>
      <c r="R36" s="46">
        <v>978255.89</v>
      </c>
      <c r="S36" s="46">
        <v>978255.89</v>
      </c>
      <c r="T36" s="46">
        <v>978255.89</v>
      </c>
      <c r="U36" s="46">
        <v>978255.89</v>
      </c>
      <c r="V36" s="46">
        <v>0</v>
      </c>
    </row>
    <row r="37" spans="1:22">
      <c r="A37" s="48" t="s">
        <v>75</v>
      </c>
      <c r="B37" s="40">
        <v>66000</v>
      </c>
      <c r="C37" s="40">
        <v>80440.843899999993</v>
      </c>
      <c r="D37" s="40">
        <v>151084.12890000001</v>
      </c>
      <c r="E37" s="40">
        <v>123213.52720000001</v>
      </c>
      <c r="F37" s="40">
        <v>22405.599999999999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110000</v>
      </c>
      <c r="M37" s="40">
        <v>80440.843899999993</v>
      </c>
      <c r="N37" s="40">
        <v>151084.12890000001</v>
      </c>
      <c r="O37" s="40">
        <v>123213.52720000001</v>
      </c>
      <c r="P37" s="40">
        <v>22405.599999999999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9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25074.24670301954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25074.24670301954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0</v>
      </c>
      <c r="D41" s="44">
        <v>0</v>
      </c>
      <c r="E41" s="44">
        <v>0</v>
      </c>
      <c r="F41" s="44">
        <v>0</v>
      </c>
      <c r="G41" s="44">
        <v>0</v>
      </c>
      <c r="H41" s="44">
        <v>41575.875325000001</v>
      </c>
      <c r="I41" s="44">
        <v>41575.875325000001</v>
      </c>
      <c r="J41" s="44">
        <v>41575.875325000001</v>
      </c>
      <c r="K41" s="44">
        <v>41575.875325000001</v>
      </c>
      <c r="L41" s="44">
        <v>249455.25195000003</v>
      </c>
      <c r="M41" s="44">
        <v>0</v>
      </c>
      <c r="N41" s="44">
        <v>0</v>
      </c>
      <c r="O41" s="44">
        <v>0</v>
      </c>
      <c r="P41" s="44">
        <v>0</v>
      </c>
      <c r="Q41" s="44">
        <v>0</v>
      </c>
      <c r="R41" s="44">
        <v>41575.875325000001</v>
      </c>
      <c r="S41" s="44">
        <v>41575.875325000001</v>
      </c>
      <c r="T41" s="44">
        <v>41575.875325000001</v>
      </c>
      <c r="U41" s="44">
        <v>41575.875325000001</v>
      </c>
      <c r="V41" s="44">
        <v>1854499.8438101332</v>
      </c>
    </row>
    <row r="42" spans="1:22">
      <c r="A42" s="39" t="s">
        <v>79</v>
      </c>
      <c r="B42" s="39"/>
      <c r="C42" s="45">
        <v>0</v>
      </c>
      <c r="D42" s="45">
        <v>0</v>
      </c>
      <c r="E42" s="45">
        <v>0</v>
      </c>
      <c r="F42" s="45">
        <v>0</v>
      </c>
      <c r="G42" s="45">
        <v>0</v>
      </c>
      <c r="H42" s="45">
        <v>41575.875325000001</v>
      </c>
      <c r="I42" s="45">
        <v>41575.875325000001</v>
      </c>
      <c r="J42" s="45">
        <v>41575.875325000001</v>
      </c>
      <c r="K42" s="45">
        <v>41575.875325000001</v>
      </c>
      <c r="L42" s="45">
        <v>249455.25195000003</v>
      </c>
      <c r="M42" s="45">
        <v>0</v>
      </c>
      <c r="N42" s="45">
        <v>0</v>
      </c>
      <c r="O42" s="45">
        <v>0</v>
      </c>
      <c r="P42" s="45">
        <v>0</v>
      </c>
      <c r="Q42" s="45">
        <v>0</v>
      </c>
      <c r="R42" s="45">
        <v>41575.875325000001</v>
      </c>
      <c r="S42" s="45">
        <v>41575.875325000001</v>
      </c>
      <c r="T42" s="45">
        <v>41575.875325000001</v>
      </c>
      <c r="U42" s="45">
        <v>41575.875325000001</v>
      </c>
      <c r="V42" s="45">
        <v>1851955.7904767999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3">
        <v>0</v>
      </c>
      <c r="M43" s="43">
        <v>0</v>
      </c>
      <c r="N43" s="43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8357606.6401090184</v>
      </c>
      <c r="C45" s="51">
        <v>1561219.6555118219</v>
      </c>
      <c r="D45" s="51">
        <v>1500850.0912770219</v>
      </c>
      <c r="E45" s="51">
        <v>1537099.2128266217</v>
      </c>
      <c r="F45" s="51">
        <v>1634544.8728266219</v>
      </c>
      <c r="G45" s="51">
        <v>1656950.472826622</v>
      </c>
      <c r="H45" s="51">
        <v>288962.60380271566</v>
      </c>
      <c r="I45" s="51">
        <v>345210.28355751582</v>
      </c>
      <c r="J45" s="51">
        <v>403353.16422791593</v>
      </c>
      <c r="K45" s="51">
        <v>468350.98394791572</v>
      </c>
      <c r="L45" s="51">
        <v>-4251047.6889070841</v>
      </c>
      <c r="M45" s="51">
        <v>1753369.4625690645</v>
      </c>
      <c r="N45" s="51">
        <v>1681184.818993316</v>
      </c>
      <c r="O45" s="51">
        <v>1650912.5400229157</v>
      </c>
      <c r="P45" s="51">
        <v>1681836.7995029157</v>
      </c>
      <c r="Q45" s="51">
        <v>1630240.9989829159</v>
      </c>
      <c r="R45" s="51">
        <v>288962.60380271566</v>
      </c>
      <c r="S45" s="51">
        <v>345210.28355751582</v>
      </c>
      <c r="T45" s="51">
        <v>403353.16422791593</v>
      </c>
      <c r="U45" s="51">
        <v>468350.98394791572</v>
      </c>
      <c r="V45" s="51">
        <v>3351126.4896560684</v>
      </c>
    </row>
    <row r="46" spans="1:22">
      <c r="A46" s="39"/>
      <c r="B46" s="39"/>
      <c r="C46" s="54"/>
      <c r="D46" s="54"/>
      <c r="E46" s="54"/>
      <c r="F46" s="54"/>
      <c r="G46" s="54"/>
      <c r="H46" s="54"/>
      <c r="I46" s="54"/>
      <c r="J46" s="54"/>
      <c r="K46" s="54"/>
      <c r="L46" s="54"/>
      <c r="M46" s="39"/>
      <c r="N46" s="39"/>
      <c r="O46" s="39"/>
      <c r="P46" s="39"/>
      <c r="Q46" s="39"/>
      <c r="R46" s="39"/>
      <c r="S46" s="39"/>
      <c r="T46" s="39"/>
      <c r="U46" s="39"/>
      <c r="V46" s="39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1268663.8151242333</v>
      </c>
      <c r="D55" s="58">
        <v>1298880.6409042333</v>
      </c>
      <c r="E55" s="58">
        <v>1323523.3463442333</v>
      </c>
      <c r="F55" s="58">
        <v>1328004.4663442334</v>
      </c>
      <c r="G55" s="58">
        <v>1328004.4663442334</v>
      </c>
      <c r="H55" s="58">
        <v>59451.95355333334</v>
      </c>
      <c r="I55" s="58">
        <v>224886.30577333336</v>
      </c>
      <c r="J55" s="58">
        <v>395894.77833333338</v>
      </c>
      <c r="K55" s="58">
        <v>587064.83633333328</v>
      </c>
      <c r="L55" s="58">
        <v>804716.01433333335</v>
      </c>
      <c r="M55" s="58">
        <v>1994711.2511133333</v>
      </c>
      <c r="N55" s="58">
        <v>1829276.8988933333</v>
      </c>
      <c r="O55" s="58">
        <v>1658268.4263333334</v>
      </c>
      <c r="P55" s="58">
        <v>1467098.3683333334</v>
      </c>
      <c r="Q55" s="58">
        <v>1249447.1903333333</v>
      </c>
      <c r="R55" s="58">
        <v>59451.953553333333</v>
      </c>
      <c r="S55" s="58">
        <v>224886.30577333336</v>
      </c>
      <c r="T55" s="58">
        <v>395894.77833333338</v>
      </c>
      <c r="U55" s="58">
        <v>587064.83633333328</v>
      </c>
      <c r="V55" s="59">
        <v>782716.01433333335</v>
      </c>
    </row>
    <row r="56" spans="1:22">
      <c r="A56" s="60" t="s">
        <v>83</v>
      </c>
      <c r="B56" s="61"/>
      <c r="C56" s="63">
        <v>1239264.3440109</v>
      </c>
      <c r="D56" s="63">
        <v>1239264.3440109</v>
      </c>
      <c r="E56" s="63">
        <v>1239264.3440109</v>
      </c>
      <c r="F56" s="63">
        <v>1239264.3440109</v>
      </c>
      <c r="G56" s="63">
        <v>1239264.3440109</v>
      </c>
      <c r="H56" s="63">
        <v>0</v>
      </c>
      <c r="I56" s="63">
        <v>195651.17800000001</v>
      </c>
      <c r="J56" s="63">
        <v>391302.35600000003</v>
      </c>
      <c r="K56" s="63">
        <v>586953.53399999999</v>
      </c>
      <c r="L56" s="63">
        <v>782604.71200000006</v>
      </c>
      <c r="M56" s="63">
        <v>1956511.78</v>
      </c>
      <c r="N56" s="63">
        <v>1760860.602</v>
      </c>
      <c r="O56" s="63">
        <v>1565209.4240000001</v>
      </c>
      <c r="P56" s="63">
        <v>1369558.246</v>
      </c>
      <c r="Q56" s="63">
        <v>1173907.068</v>
      </c>
      <c r="R56" s="63">
        <v>0</v>
      </c>
      <c r="S56" s="63">
        <v>195651.17800000001</v>
      </c>
      <c r="T56" s="63">
        <v>391302.35600000003</v>
      </c>
      <c r="U56" s="63">
        <v>586953.53399999999</v>
      </c>
      <c r="V56" s="64">
        <v>782604.71200000006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9288.16878</v>
      </c>
      <c r="D58" s="71">
        <v>59504.994560000006</v>
      </c>
      <c r="E58" s="71">
        <v>84147.700000000012</v>
      </c>
      <c r="F58" s="71">
        <v>88628.82</v>
      </c>
      <c r="G58" s="71">
        <v>88628.82</v>
      </c>
      <c r="H58" s="71">
        <v>59340.651220000007</v>
      </c>
      <c r="I58" s="71">
        <v>29123.825440000001</v>
      </c>
      <c r="J58" s="71">
        <v>4481.12</v>
      </c>
      <c r="K58" s="71">
        <v>0</v>
      </c>
      <c r="L58" s="71">
        <v>22000</v>
      </c>
      <c r="M58" s="71">
        <v>38088.16878</v>
      </c>
      <c r="N58" s="71">
        <v>68304.994560000006</v>
      </c>
      <c r="O58" s="71">
        <v>92947.700000000012</v>
      </c>
      <c r="P58" s="71">
        <v>97428.819999999992</v>
      </c>
      <c r="Q58" s="71">
        <v>75428.820000000007</v>
      </c>
      <c r="R58" s="71">
        <v>59340.65122</v>
      </c>
      <c r="S58" s="71">
        <v>29123.825440000001</v>
      </c>
      <c r="T58" s="71">
        <v>4481.12</v>
      </c>
      <c r="U58" s="71">
        <v>0</v>
      </c>
      <c r="V58" s="72">
        <v>0</v>
      </c>
    </row>
    <row r="88" spans="11:11" ht="12.75">
      <c r="K88" s="103" t="s">
        <v>118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>
  <sheetPr codeName="Plan18"/>
  <dimension ref="A1:X88"/>
  <sheetViews>
    <sheetView tabSelected="1" view="pageBreakPreview" topLeftCell="A19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4" width="9.140625" style="2" hidden="1" customWidth="1"/>
    <col min="25" max="25" width="9.140625" style="2" customWidth="1"/>
    <col min="26" max="16384" width="9.140625" style="2"/>
  </cols>
  <sheetData>
    <row r="1" spans="1:22" ht="24" customHeight="1">
      <c r="A1" s="82" t="s">
        <v>132</v>
      </c>
    </row>
    <row r="4" spans="1:22" ht="18">
      <c r="A4" s="82" t="s">
        <v>143</v>
      </c>
    </row>
    <row r="5" spans="1:22" ht="15.75">
      <c r="A5" s="87" t="s">
        <v>106</v>
      </c>
    </row>
    <row r="6" spans="1:22" ht="15.75">
      <c r="A6" s="87" t="s">
        <v>102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2">
        <v>34208.024859231627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16276.557450470222</v>
      </c>
    </row>
    <row r="11" spans="1:22" ht="12.75">
      <c r="A11" s="91" t="s">
        <v>59</v>
      </c>
      <c r="B11" s="92"/>
      <c r="C11" s="99">
        <v>7891.6131965999994</v>
      </c>
    </row>
    <row r="12" spans="1:22" ht="12.75">
      <c r="A12" s="91" t="s">
        <v>60</v>
      </c>
      <c r="B12" s="92"/>
      <c r="C12" s="100">
        <v>8384.9442538702224</v>
      </c>
    </row>
    <row r="13" spans="1:22" ht="12.75">
      <c r="A13" s="91" t="s">
        <v>61</v>
      </c>
      <c r="B13" s="92"/>
      <c r="C13" s="99">
        <v>8013.5999999999995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27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4104962.9831077955</v>
      </c>
      <c r="D17" s="40">
        <v>4104962.9831077955</v>
      </c>
      <c r="E17" s="40">
        <v>4104962.9831077955</v>
      </c>
      <c r="F17" s="40">
        <v>4104962.9831077955</v>
      </c>
      <c r="G17" s="40">
        <v>4104962.9831077955</v>
      </c>
      <c r="H17" s="40">
        <v>4104962.9831077955</v>
      </c>
      <c r="I17" s="40">
        <v>4104962.9831077955</v>
      </c>
      <c r="J17" s="40">
        <v>4104962.9831077955</v>
      </c>
      <c r="K17" s="40">
        <v>4104962.9831077955</v>
      </c>
      <c r="L17" s="40">
        <v>4104962.9831077955</v>
      </c>
      <c r="M17" s="40">
        <v>4104962.9831077955</v>
      </c>
      <c r="N17" s="40">
        <v>4104962.9831077955</v>
      </c>
      <c r="O17" s="40">
        <v>4104962.9831077955</v>
      </c>
      <c r="P17" s="40">
        <v>4104962.9831077955</v>
      </c>
      <c r="Q17" s="40">
        <v>4104962.9831077955</v>
      </c>
      <c r="R17" s="40">
        <v>4104962.9831077955</v>
      </c>
      <c r="S17" s="40">
        <v>4104962.9831077955</v>
      </c>
      <c r="T17" s="40">
        <v>4104962.9831077955</v>
      </c>
      <c r="U17" s="40">
        <v>4104962.9831077955</v>
      </c>
      <c r="V17" s="40">
        <v>4104962.9831077955</v>
      </c>
    </row>
    <row r="18" spans="1:22">
      <c r="A18" s="43" t="s">
        <v>64</v>
      </c>
      <c r="B18" s="43"/>
      <c r="C18" s="44">
        <v>82099.259662155906</v>
      </c>
      <c r="D18" s="44">
        <v>82099.259662155906</v>
      </c>
      <c r="E18" s="44">
        <v>82099.259662155906</v>
      </c>
      <c r="F18" s="44">
        <v>82099.259662155906</v>
      </c>
      <c r="G18" s="44">
        <v>82099.259662155906</v>
      </c>
      <c r="H18" s="44">
        <v>82099.259662155906</v>
      </c>
      <c r="I18" s="44">
        <v>82099.259662155906</v>
      </c>
      <c r="J18" s="44">
        <v>82099.259662155906</v>
      </c>
      <c r="K18" s="44">
        <v>82099.259662155906</v>
      </c>
      <c r="L18" s="44">
        <v>82099.259662155906</v>
      </c>
      <c r="M18" s="44">
        <v>82099.259662155906</v>
      </c>
      <c r="N18" s="44">
        <v>82099.259662155906</v>
      </c>
      <c r="O18" s="44">
        <v>82099.259662155906</v>
      </c>
      <c r="P18" s="44">
        <v>82099.259662155906</v>
      </c>
      <c r="Q18" s="44">
        <v>82099.259662155906</v>
      </c>
      <c r="R18" s="44">
        <v>82099.259662155906</v>
      </c>
      <c r="S18" s="44">
        <v>82099.259662155906</v>
      </c>
      <c r="T18" s="44">
        <v>82099.259662155906</v>
      </c>
      <c r="U18" s="44">
        <v>82099.259662155906</v>
      </c>
      <c r="V18" s="44">
        <v>82099.259662155906</v>
      </c>
    </row>
    <row r="19" spans="1:22">
      <c r="A19" s="39" t="s">
        <v>65</v>
      </c>
      <c r="B19" s="39"/>
      <c r="C19" s="45">
        <v>4022863.7234456395</v>
      </c>
      <c r="D19" s="45">
        <v>4022863.7234456395</v>
      </c>
      <c r="E19" s="45">
        <v>4022863.7234456395</v>
      </c>
      <c r="F19" s="45">
        <v>4022863.7234456395</v>
      </c>
      <c r="G19" s="45">
        <v>4022863.7234456395</v>
      </c>
      <c r="H19" s="45">
        <v>4022863.7234456395</v>
      </c>
      <c r="I19" s="45">
        <v>4022863.7234456395</v>
      </c>
      <c r="J19" s="45">
        <v>4022863.7234456395</v>
      </c>
      <c r="K19" s="45">
        <v>4022863.7234456395</v>
      </c>
      <c r="L19" s="45">
        <v>4022863.7234456395</v>
      </c>
      <c r="M19" s="45">
        <v>4022863.7234456395</v>
      </c>
      <c r="N19" s="45">
        <v>4022863.7234456395</v>
      </c>
      <c r="O19" s="45">
        <v>4022863.7234456395</v>
      </c>
      <c r="P19" s="45">
        <v>4022863.7234456395</v>
      </c>
      <c r="Q19" s="45">
        <v>4022863.7234456395</v>
      </c>
      <c r="R19" s="45">
        <v>4022863.7234456395</v>
      </c>
      <c r="S19" s="45">
        <v>4022863.7234456395</v>
      </c>
      <c r="T19" s="45">
        <v>4022863.7234456395</v>
      </c>
      <c r="U19" s="45">
        <v>4022863.7234456395</v>
      </c>
      <c r="V19" s="45">
        <v>4022863.7234456395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2043926.0940564263</v>
      </c>
      <c r="D21" s="44">
        <v>2043926.0940564263</v>
      </c>
      <c r="E21" s="44">
        <v>2043926.0940564263</v>
      </c>
      <c r="F21" s="44">
        <v>2051328.8940564264</v>
      </c>
      <c r="G21" s="44">
        <v>2051328.8940564264</v>
      </c>
      <c r="H21" s="44">
        <v>2051328.8940564264</v>
      </c>
      <c r="I21" s="44">
        <v>2051328.8940564264</v>
      </c>
      <c r="J21" s="44">
        <v>2051328.8940564264</v>
      </c>
      <c r="K21" s="44">
        <v>2051328.8940564264</v>
      </c>
      <c r="L21" s="44">
        <v>2051328.8940564264</v>
      </c>
      <c r="M21" s="46">
        <v>2043926.0940564263</v>
      </c>
      <c r="N21" s="46">
        <v>2043926.0940564263</v>
      </c>
      <c r="O21" s="46">
        <v>2043926.0940564263</v>
      </c>
      <c r="P21" s="46">
        <v>2051328.8940564264</v>
      </c>
      <c r="Q21" s="46">
        <v>2051328.8940564264</v>
      </c>
      <c r="R21" s="46">
        <v>2051328.8940564264</v>
      </c>
      <c r="S21" s="46">
        <v>2051328.8940564264</v>
      </c>
      <c r="T21" s="46">
        <v>2051328.8940564264</v>
      </c>
      <c r="U21" s="46">
        <v>2051328.8940564264</v>
      </c>
      <c r="V21" s="46">
        <v>2051328.8940564264</v>
      </c>
    </row>
    <row r="22" spans="1:22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40">
        <v>785817.06544738333</v>
      </c>
      <c r="D23" s="40">
        <v>1055158.5287473833</v>
      </c>
      <c r="E23" s="40">
        <v>1321075.3086673834</v>
      </c>
      <c r="F23" s="40">
        <v>1560109.9746673834</v>
      </c>
      <c r="G23" s="40">
        <v>1794663.5206673834</v>
      </c>
      <c r="H23" s="40">
        <v>1243511.3035533333</v>
      </c>
      <c r="I23" s="40">
        <v>1208723.3862533332</v>
      </c>
      <c r="J23" s="40">
        <v>1177360.1523333334</v>
      </c>
      <c r="K23" s="40">
        <v>1172879.0323333333</v>
      </c>
      <c r="L23" s="40">
        <v>1194879.0323333333</v>
      </c>
      <c r="M23" s="40">
        <v>1210967.2011133332</v>
      </c>
      <c r="N23" s="40">
        <v>1245755.1184133333</v>
      </c>
      <c r="O23" s="40">
        <v>1277118.3523333333</v>
      </c>
      <c r="P23" s="40">
        <v>1281599.4723333332</v>
      </c>
      <c r="Q23" s="40">
        <v>1259599.4723333332</v>
      </c>
      <c r="R23" s="40">
        <v>1243511.3035533333</v>
      </c>
      <c r="S23" s="40">
        <v>1208723.3862533332</v>
      </c>
      <c r="T23" s="40">
        <v>1177360.1523333334</v>
      </c>
      <c r="U23" s="40">
        <v>1172879.0323333333</v>
      </c>
      <c r="V23" s="40">
        <v>1172879.0323333333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1193120.5639418298</v>
      </c>
      <c r="D25" s="46">
        <v>923779.10064182989</v>
      </c>
      <c r="E25" s="46">
        <v>657862.32072182978</v>
      </c>
      <c r="F25" s="46">
        <v>411424.85472182976</v>
      </c>
      <c r="G25" s="46">
        <v>176871.30872182967</v>
      </c>
      <c r="H25" s="46">
        <v>728023.52583587985</v>
      </c>
      <c r="I25" s="46">
        <v>762811.44313587993</v>
      </c>
      <c r="J25" s="46">
        <v>794174.67705587973</v>
      </c>
      <c r="K25" s="46">
        <v>798655.79705587984</v>
      </c>
      <c r="L25" s="46">
        <v>776655.79705587984</v>
      </c>
      <c r="M25" s="46">
        <v>767970.42827587994</v>
      </c>
      <c r="N25" s="46">
        <v>733182.51097587985</v>
      </c>
      <c r="O25" s="46">
        <v>701819.27705587982</v>
      </c>
      <c r="P25" s="46">
        <v>689935.3570558799</v>
      </c>
      <c r="Q25" s="46">
        <v>711935.3570558799</v>
      </c>
      <c r="R25" s="46">
        <v>728023.52583587985</v>
      </c>
      <c r="S25" s="46">
        <v>762811.44313587993</v>
      </c>
      <c r="T25" s="46">
        <v>794174.67705587973</v>
      </c>
      <c r="U25" s="46">
        <v>798655.79705587984</v>
      </c>
      <c r="V25" s="46">
        <v>798655.79705587984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405660.99174022215</v>
      </c>
      <c r="D27" s="40">
        <v>314084.89421822218</v>
      </c>
      <c r="E27" s="40">
        <v>223673.18904542213</v>
      </c>
      <c r="F27" s="40">
        <v>139884.45060542214</v>
      </c>
      <c r="G27" s="40">
        <v>60136.244965422091</v>
      </c>
      <c r="H27" s="40">
        <v>247527.99878419915</v>
      </c>
      <c r="I27" s="40">
        <v>259355.89066619921</v>
      </c>
      <c r="J27" s="40">
        <v>270019.39019899914</v>
      </c>
      <c r="K27" s="40">
        <v>271542.97099899914</v>
      </c>
      <c r="L27" s="40">
        <v>264062.97099899914</v>
      </c>
      <c r="M27" s="40">
        <v>261109.94561379921</v>
      </c>
      <c r="N27" s="40">
        <v>249282.05373179915</v>
      </c>
      <c r="O27" s="40">
        <v>238618.55419899916</v>
      </c>
      <c r="P27" s="40">
        <v>234578.02139899918</v>
      </c>
      <c r="Q27" s="40">
        <v>242058.02139899918</v>
      </c>
      <c r="R27" s="40">
        <v>247527.99878419915</v>
      </c>
      <c r="S27" s="40">
        <v>259355.89066619921</v>
      </c>
      <c r="T27" s="40">
        <v>270019.39019899914</v>
      </c>
      <c r="U27" s="40">
        <v>271542.97099899914</v>
      </c>
      <c r="V27" s="40">
        <v>271542.97099899914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787459.57220160775</v>
      </c>
      <c r="D29" s="46">
        <v>609694.20642360765</v>
      </c>
      <c r="E29" s="46">
        <v>434189.13167640765</v>
      </c>
      <c r="F29" s="46">
        <v>271540.40411640762</v>
      </c>
      <c r="G29" s="46">
        <v>116735.06375640759</v>
      </c>
      <c r="H29" s="46">
        <v>480495.52705168072</v>
      </c>
      <c r="I29" s="46">
        <v>503455.55246968073</v>
      </c>
      <c r="J29" s="46">
        <v>524155.28685688059</v>
      </c>
      <c r="K29" s="46">
        <v>527112.82605688064</v>
      </c>
      <c r="L29" s="46">
        <v>512592.8260568807</v>
      </c>
      <c r="M29" s="46">
        <v>506860.48266208073</v>
      </c>
      <c r="N29" s="46">
        <v>483900.45724408072</v>
      </c>
      <c r="O29" s="46">
        <v>463200.72285688063</v>
      </c>
      <c r="P29" s="46">
        <v>455357.33565688075</v>
      </c>
      <c r="Q29" s="46">
        <v>469877.33565688075</v>
      </c>
      <c r="R29" s="46">
        <v>480495.52705168072</v>
      </c>
      <c r="S29" s="46">
        <v>503455.55246968073</v>
      </c>
      <c r="T29" s="46">
        <v>524155.28685688059</v>
      </c>
      <c r="U29" s="46">
        <v>527112.82605688064</v>
      </c>
      <c r="V29" s="46">
        <v>527112.82605688064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785817.06544738333</v>
      </c>
      <c r="D31" s="40">
        <v>1055158.5287473833</v>
      </c>
      <c r="E31" s="40">
        <v>1321075.3086673834</v>
      </c>
      <c r="F31" s="40">
        <v>1560109.9746673834</v>
      </c>
      <c r="G31" s="40">
        <v>1794663.5206673834</v>
      </c>
      <c r="H31" s="40">
        <v>1243511.3035533333</v>
      </c>
      <c r="I31" s="40">
        <v>1208723.3862533332</v>
      </c>
      <c r="J31" s="40">
        <v>1177360.1523333334</v>
      </c>
      <c r="K31" s="40">
        <v>1172879.0323333333</v>
      </c>
      <c r="L31" s="40">
        <v>1194879.0323333333</v>
      </c>
      <c r="M31" s="40">
        <v>1210967.2011133332</v>
      </c>
      <c r="N31" s="40">
        <v>1245755.1184133333</v>
      </c>
      <c r="O31" s="40">
        <v>1277118.3523333333</v>
      </c>
      <c r="P31" s="40">
        <v>1281599.4723333332</v>
      </c>
      <c r="Q31" s="40">
        <v>1259599.4723333332</v>
      </c>
      <c r="R31" s="40">
        <v>1243511.3035533333</v>
      </c>
      <c r="S31" s="40">
        <v>1208723.3862533332</v>
      </c>
      <c r="T31" s="40">
        <v>1177360.1523333334</v>
      </c>
      <c r="U31" s="40">
        <v>1172879.0323333333</v>
      </c>
      <c r="V31" s="40">
        <v>1172879.0323333333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1573276.6376489911</v>
      </c>
      <c r="D33" s="46">
        <v>1664852.7351709909</v>
      </c>
      <c r="E33" s="46">
        <v>1755264.4403437912</v>
      </c>
      <c r="F33" s="46">
        <v>1831650.3787837909</v>
      </c>
      <c r="G33" s="46">
        <v>1911398.5844237912</v>
      </c>
      <c r="H33" s="46">
        <v>1724006.830605014</v>
      </c>
      <c r="I33" s="46">
        <v>1712178.938723014</v>
      </c>
      <c r="J33" s="46">
        <v>1701515.439190214</v>
      </c>
      <c r="K33" s="46">
        <v>1699991.8583902139</v>
      </c>
      <c r="L33" s="46">
        <v>1707471.8583902139</v>
      </c>
      <c r="M33" s="46">
        <v>1717827.683775414</v>
      </c>
      <c r="N33" s="46">
        <v>1729655.575657414</v>
      </c>
      <c r="O33" s="46">
        <v>1740319.075190214</v>
      </c>
      <c r="P33" s="46">
        <v>1736956.8079902139</v>
      </c>
      <c r="Q33" s="46">
        <v>1729476.8079902139</v>
      </c>
      <c r="R33" s="46">
        <v>1724006.830605014</v>
      </c>
      <c r="S33" s="46">
        <v>1712178.938723014</v>
      </c>
      <c r="T33" s="46">
        <v>1701515.439190214</v>
      </c>
      <c r="U33" s="46">
        <v>1699991.8583902139</v>
      </c>
      <c r="V33" s="46">
        <v>1699991.8583902139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5141553.0498168143</v>
      </c>
      <c r="C35" s="45">
        <v>1253208.5739</v>
      </c>
      <c r="D35" s="45">
        <v>1346707.3165</v>
      </c>
      <c r="E35" s="45">
        <v>1329583.8995999999</v>
      </c>
      <c r="F35" s="45">
        <v>1195173.33</v>
      </c>
      <c r="G35" s="45">
        <v>1172767.73</v>
      </c>
      <c r="H35" s="45">
        <v>1172767.73</v>
      </c>
      <c r="I35" s="45">
        <v>1172767.73</v>
      </c>
      <c r="J35" s="45">
        <v>1172767.73</v>
      </c>
      <c r="K35" s="45">
        <v>1172767.73</v>
      </c>
      <c r="L35" s="45">
        <v>1282767.73</v>
      </c>
      <c r="M35" s="45">
        <v>1253208.5739</v>
      </c>
      <c r="N35" s="45">
        <v>1346707.3165</v>
      </c>
      <c r="O35" s="45">
        <v>1329583.8995999999</v>
      </c>
      <c r="P35" s="45">
        <v>1195173.33</v>
      </c>
      <c r="Q35" s="45">
        <v>1172767.73</v>
      </c>
      <c r="R35" s="45">
        <v>1172767.73</v>
      </c>
      <c r="S35" s="45">
        <v>1172767.73</v>
      </c>
      <c r="T35" s="45">
        <v>1172767.73</v>
      </c>
      <c r="U35" s="45">
        <v>1172767.73</v>
      </c>
      <c r="V35" s="45">
        <v>1144768.742410186</v>
      </c>
    </row>
    <row r="36" spans="1:22">
      <c r="A36" s="47" t="s">
        <v>74</v>
      </c>
      <c r="B36" s="46">
        <v>5042783.9622270009</v>
      </c>
      <c r="C36" s="46">
        <v>1172767.73</v>
      </c>
      <c r="D36" s="46">
        <v>1172767.73</v>
      </c>
      <c r="E36" s="46">
        <v>1172767.73</v>
      </c>
      <c r="F36" s="46">
        <v>1172767.73</v>
      </c>
      <c r="G36" s="46">
        <v>1172767.73</v>
      </c>
      <c r="H36" s="46">
        <v>1172767.73</v>
      </c>
      <c r="I36" s="46">
        <v>1172767.73</v>
      </c>
      <c r="J36" s="46">
        <v>1172767.73</v>
      </c>
      <c r="K36" s="46">
        <v>1172767.73</v>
      </c>
      <c r="L36" s="46">
        <v>1172767.73</v>
      </c>
      <c r="M36" s="46">
        <v>1172767.73</v>
      </c>
      <c r="N36" s="46">
        <v>1172767.73</v>
      </c>
      <c r="O36" s="46">
        <v>1172767.73</v>
      </c>
      <c r="P36" s="46">
        <v>1172767.73</v>
      </c>
      <c r="Q36" s="46">
        <v>1172767.73</v>
      </c>
      <c r="R36" s="46">
        <v>1172767.73</v>
      </c>
      <c r="S36" s="46">
        <v>1172767.73</v>
      </c>
      <c r="T36" s="46">
        <v>1172767.73</v>
      </c>
      <c r="U36" s="46">
        <v>1172767.73</v>
      </c>
      <c r="V36" s="46">
        <v>1172767.73</v>
      </c>
    </row>
    <row r="37" spans="1:22">
      <c r="A37" s="48" t="s">
        <v>75</v>
      </c>
      <c r="B37" s="40">
        <v>66000</v>
      </c>
      <c r="C37" s="40">
        <v>80440.843899999993</v>
      </c>
      <c r="D37" s="40">
        <v>173939.5865</v>
      </c>
      <c r="E37" s="40">
        <v>156816.16959999999</v>
      </c>
      <c r="F37" s="40">
        <v>22405.599999999999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110000</v>
      </c>
      <c r="M37" s="40">
        <v>80440.843899999993</v>
      </c>
      <c r="N37" s="40">
        <v>173939.5865</v>
      </c>
      <c r="O37" s="40">
        <v>156816.16959999999</v>
      </c>
      <c r="P37" s="40">
        <v>22405.599999999999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9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27998.98758981406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27998.98758981406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49842.628525</v>
      </c>
      <c r="D41" s="44">
        <v>49842.628525</v>
      </c>
      <c r="E41" s="44">
        <v>49842.628525</v>
      </c>
      <c r="F41" s="44">
        <v>49842.628525</v>
      </c>
      <c r="G41" s="44">
        <v>49842.628525</v>
      </c>
      <c r="H41" s="44">
        <v>49842.628525</v>
      </c>
      <c r="I41" s="44">
        <v>49842.628525</v>
      </c>
      <c r="J41" s="44">
        <v>49842.628525</v>
      </c>
      <c r="K41" s="44">
        <v>49842.628525</v>
      </c>
      <c r="L41" s="44">
        <v>49842.628525</v>
      </c>
      <c r="M41" s="44">
        <v>49842.628525</v>
      </c>
      <c r="N41" s="44">
        <v>49842.628525</v>
      </c>
      <c r="O41" s="44">
        <v>49842.628525</v>
      </c>
      <c r="P41" s="44">
        <v>49842.628525</v>
      </c>
      <c r="Q41" s="44">
        <v>49842.628525</v>
      </c>
      <c r="R41" s="44">
        <v>49842.628525</v>
      </c>
      <c r="S41" s="44">
        <v>49842.628525</v>
      </c>
      <c r="T41" s="44">
        <v>49842.628525</v>
      </c>
      <c r="U41" s="44">
        <v>49842.628525</v>
      </c>
      <c r="V41" s="44">
        <v>3391743.1077762833</v>
      </c>
    </row>
    <row r="42" spans="1:22">
      <c r="A42" s="39" t="s">
        <v>79</v>
      </c>
      <c r="B42" s="39"/>
      <c r="C42" s="45">
        <v>49842.628525</v>
      </c>
      <c r="D42" s="45">
        <v>49842.628525</v>
      </c>
      <c r="E42" s="45">
        <v>49842.628525</v>
      </c>
      <c r="F42" s="45">
        <v>49842.628525</v>
      </c>
      <c r="G42" s="45">
        <v>49842.628525</v>
      </c>
      <c r="H42" s="45">
        <v>49842.628525</v>
      </c>
      <c r="I42" s="45">
        <v>49842.628525</v>
      </c>
      <c r="J42" s="45">
        <v>49842.628525</v>
      </c>
      <c r="K42" s="45">
        <v>49842.628525</v>
      </c>
      <c r="L42" s="45">
        <v>49842.628525</v>
      </c>
      <c r="M42" s="45">
        <v>49842.628525</v>
      </c>
      <c r="N42" s="45">
        <v>49842.628525</v>
      </c>
      <c r="O42" s="45">
        <v>49842.628525</v>
      </c>
      <c r="P42" s="45">
        <v>49842.628525</v>
      </c>
      <c r="Q42" s="45">
        <v>49842.628525</v>
      </c>
      <c r="R42" s="45">
        <v>49842.628525</v>
      </c>
      <c r="S42" s="45">
        <v>49842.628525</v>
      </c>
      <c r="T42" s="45">
        <v>49842.628525</v>
      </c>
      <c r="U42" s="45">
        <v>49842.628525</v>
      </c>
      <c r="V42" s="45">
        <v>3389199.0544429501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3">
        <v>0</v>
      </c>
      <c r="M43" s="43">
        <v>0</v>
      </c>
      <c r="N43" s="43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5141553.0498168143</v>
      </c>
      <c r="C45" s="51">
        <v>369910.69227399112</v>
      </c>
      <c r="D45" s="51">
        <v>367988.04719599098</v>
      </c>
      <c r="E45" s="51">
        <v>475523.16926879127</v>
      </c>
      <c r="F45" s="51">
        <v>686319.67730879073</v>
      </c>
      <c r="G45" s="51">
        <v>788473.48294879112</v>
      </c>
      <c r="H45" s="51">
        <v>601081.72913001396</v>
      </c>
      <c r="I45" s="51">
        <v>589253.83724801394</v>
      </c>
      <c r="J45" s="51">
        <v>578590.337715214</v>
      </c>
      <c r="K45" s="51">
        <v>577066.75691521389</v>
      </c>
      <c r="L45" s="51">
        <v>474546.75691521395</v>
      </c>
      <c r="M45" s="51">
        <v>514461.73840041406</v>
      </c>
      <c r="N45" s="51">
        <v>432790.88768241409</v>
      </c>
      <c r="O45" s="51">
        <v>460577.80411521409</v>
      </c>
      <c r="P45" s="51">
        <v>591626.10651521373</v>
      </c>
      <c r="Q45" s="51">
        <v>606551.70651521382</v>
      </c>
      <c r="R45" s="51">
        <v>601081.72913001396</v>
      </c>
      <c r="S45" s="51">
        <v>589253.83724801394</v>
      </c>
      <c r="T45" s="51">
        <v>578590.337715214</v>
      </c>
      <c r="U45" s="51">
        <v>577066.75691521389</v>
      </c>
      <c r="V45" s="51">
        <v>3946966.2237563115</v>
      </c>
    </row>
    <row r="46" spans="1:22">
      <c r="A46" s="39"/>
      <c r="B46" s="39"/>
      <c r="C46" s="39"/>
      <c r="D46" s="39"/>
      <c r="E46" s="39"/>
      <c r="F46" s="39"/>
      <c r="G46" s="39"/>
      <c r="H46" s="39"/>
      <c r="I46" s="39"/>
      <c r="J46" s="39"/>
      <c r="K46" s="39"/>
      <c r="L46" s="39"/>
      <c r="M46" s="39"/>
      <c r="N46" s="39"/>
      <c r="O46" s="39"/>
      <c r="P46" s="39"/>
      <c r="Q46" s="39"/>
      <c r="R46" s="39"/>
      <c r="S46" s="39"/>
      <c r="T46" s="39"/>
      <c r="U46" s="39"/>
      <c r="V46" s="39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785817.06544738333</v>
      </c>
      <c r="D55" s="58">
        <v>1055158.5287473833</v>
      </c>
      <c r="E55" s="58">
        <v>1321075.3086673834</v>
      </c>
      <c r="F55" s="58">
        <v>1560109.9746673834</v>
      </c>
      <c r="G55" s="58">
        <v>1794663.5206673834</v>
      </c>
      <c r="H55" s="58">
        <v>1243511.3035533333</v>
      </c>
      <c r="I55" s="58">
        <v>1208723.3862533332</v>
      </c>
      <c r="J55" s="58">
        <v>1177360.1523333334</v>
      </c>
      <c r="K55" s="58">
        <v>1172879.0323333333</v>
      </c>
      <c r="L55" s="58">
        <v>1194879.0323333333</v>
      </c>
      <c r="M55" s="58">
        <v>1210967.2011133332</v>
      </c>
      <c r="N55" s="58">
        <v>1245755.1184133333</v>
      </c>
      <c r="O55" s="58">
        <v>1277118.3523333333</v>
      </c>
      <c r="P55" s="58">
        <v>1281599.4723333332</v>
      </c>
      <c r="Q55" s="58">
        <v>1259599.4723333332</v>
      </c>
      <c r="R55" s="58">
        <v>1243511.3035533333</v>
      </c>
      <c r="S55" s="58">
        <v>1208723.3862533332</v>
      </c>
      <c r="T55" s="58">
        <v>1177360.1523333334</v>
      </c>
      <c r="U55" s="58">
        <v>1172879.0323333333</v>
      </c>
      <c r="V55" s="59">
        <v>1172879.0323333333</v>
      </c>
    </row>
    <row r="56" spans="1:22">
      <c r="A56" s="60" t="s">
        <v>83</v>
      </c>
      <c r="B56" s="61"/>
      <c r="C56" s="63">
        <v>756417.59433405008</v>
      </c>
      <c r="D56" s="63">
        <v>990971.14033405005</v>
      </c>
      <c r="E56" s="63">
        <v>1225524.68633405</v>
      </c>
      <c r="F56" s="63">
        <v>1460078.2323340501</v>
      </c>
      <c r="G56" s="63">
        <v>1694631.7783340502</v>
      </c>
      <c r="H56" s="63">
        <v>1172767.73</v>
      </c>
      <c r="I56" s="63">
        <v>1172767.73</v>
      </c>
      <c r="J56" s="63">
        <v>1172767.73</v>
      </c>
      <c r="K56" s="63">
        <v>1172767.73</v>
      </c>
      <c r="L56" s="63">
        <v>1172767.73</v>
      </c>
      <c r="M56" s="63">
        <v>1172767.73</v>
      </c>
      <c r="N56" s="63">
        <v>1172767.73</v>
      </c>
      <c r="O56" s="63">
        <v>1172767.73</v>
      </c>
      <c r="P56" s="63">
        <v>1172767.73</v>
      </c>
      <c r="Q56" s="63">
        <v>1172767.73</v>
      </c>
      <c r="R56" s="63">
        <v>1172767.73</v>
      </c>
      <c r="S56" s="63">
        <v>1172767.73</v>
      </c>
      <c r="T56" s="63">
        <v>1172767.73</v>
      </c>
      <c r="U56" s="63">
        <v>1172767.73</v>
      </c>
      <c r="V56" s="64">
        <v>1172767.73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9288.16878</v>
      </c>
      <c r="D58" s="71">
        <v>64076.086080000001</v>
      </c>
      <c r="E58" s="71">
        <v>95439.32</v>
      </c>
      <c r="F58" s="71">
        <v>99920.44</v>
      </c>
      <c r="G58" s="71">
        <v>99920.44</v>
      </c>
      <c r="H58" s="71">
        <v>70632.271219999995</v>
      </c>
      <c r="I58" s="71">
        <v>35844.353920000001</v>
      </c>
      <c r="J58" s="71">
        <v>4481.12</v>
      </c>
      <c r="K58" s="71">
        <v>0</v>
      </c>
      <c r="L58" s="71">
        <v>22000</v>
      </c>
      <c r="M58" s="71">
        <v>38088.16878</v>
      </c>
      <c r="N58" s="71">
        <v>72876.086080000008</v>
      </c>
      <c r="O58" s="71">
        <v>104239.31999999999</v>
      </c>
      <c r="P58" s="71">
        <v>108720.44</v>
      </c>
      <c r="Q58" s="71">
        <v>86720.44</v>
      </c>
      <c r="R58" s="71">
        <v>70632.271219999995</v>
      </c>
      <c r="S58" s="71">
        <v>35844.353920000001</v>
      </c>
      <c r="T58" s="71">
        <v>4481.12</v>
      </c>
      <c r="U58" s="71">
        <v>0</v>
      </c>
      <c r="V58" s="72">
        <v>0</v>
      </c>
    </row>
    <row r="88" spans="11:11" ht="12.75">
      <c r="K88" s="103" t="s">
        <v>119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>
  <sheetPr codeName="Plan21"/>
  <dimension ref="A1:V82"/>
  <sheetViews>
    <sheetView tabSelected="1" view="pageBreakPreview" topLeftCell="A16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26.25" customHeight="1">
      <c r="A1" s="82" t="s">
        <v>133</v>
      </c>
    </row>
    <row r="4" spans="1:22" ht="18">
      <c r="A4" s="82" t="s">
        <v>143</v>
      </c>
    </row>
    <row r="5" spans="1:22" ht="15.75">
      <c r="A5" s="87" t="s">
        <v>107</v>
      </c>
    </row>
    <row r="6" spans="1:22" ht="15.75">
      <c r="A6" s="87" t="s">
        <v>102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2">
        <v>20280.499999999269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15375.71001675681</v>
      </c>
    </row>
    <row r="11" spans="1:22" ht="12.75">
      <c r="A11" s="91" t="s">
        <v>59</v>
      </c>
      <c r="B11" s="92"/>
      <c r="C11" s="99">
        <v>4930.0223699999997</v>
      </c>
    </row>
    <row r="12" spans="1:22" ht="12.75">
      <c r="A12" s="91" t="s">
        <v>60</v>
      </c>
      <c r="B12" s="92"/>
      <c r="C12" s="100">
        <v>10445.687646756811</v>
      </c>
    </row>
    <row r="13" spans="1:22" ht="12.75">
      <c r="A13" s="91" t="s">
        <v>61</v>
      </c>
      <c r="B13" s="92"/>
      <c r="C13" s="99">
        <v>4006.7999999999997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27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2433659.9999999125</v>
      </c>
      <c r="D17" s="40">
        <v>2433659.9999999125</v>
      </c>
      <c r="E17" s="40">
        <v>2433659.9999999125</v>
      </c>
      <c r="F17" s="40">
        <v>2433659.9999999125</v>
      </c>
      <c r="G17" s="40">
        <v>2433659.9999999125</v>
      </c>
      <c r="H17" s="40">
        <v>2433659.9999999125</v>
      </c>
      <c r="I17" s="40">
        <v>2433659.9999999125</v>
      </c>
      <c r="J17" s="40">
        <v>2433659.9999999125</v>
      </c>
      <c r="K17" s="40">
        <v>2433659.9999999125</v>
      </c>
      <c r="L17" s="40">
        <v>2433659.9999999125</v>
      </c>
      <c r="M17" s="40">
        <v>2433659.9999999125</v>
      </c>
      <c r="N17" s="40">
        <v>2433659.9999999125</v>
      </c>
      <c r="O17" s="40">
        <v>2433659.9999999125</v>
      </c>
      <c r="P17" s="40">
        <v>2433659.9999999125</v>
      </c>
      <c r="Q17" s="40">
        <v>2433659.9999999125</v>
      </c>
      <c r="R17" s="40">
        <v>2433659.9999999125</v>
      </c>
      <c r="S17" s="40">
        <v>2433659.9999999125</v>
      </c>
      <c r="T17" s="40">
        <v>2433659.9999999125</v>
      </c>
      <c r="U17" s="40">
        <v>2433659.9999999125</v>
      </c>
      <c r="V17" s="40">
        <v>2433659.9999999125</v>
      </c>
    </row>
    <row r="18" spans="1:22">
      <c r="A18" s="43" t="s">
        <v>64</v>
      </c>
      <c r="B18" s="43"/>
      <c r="C18" s="44">
        <v>48673.199999998251</v>
      </c>
      <c r="D18" s="44">
        <v>48673.199999998251</v>
      </c>
      <c r="E18" s="44">
        <v>48673.199999998251</v>
      </c>
      <c r="F18" s="44">
        <v>48673.199999998251</v>
      </c>
      <c r="G18" s="44">
        <v>48673.199999998251</v>
      </c>
      <c r="H18" s="44">
        <v>48673.199999998251</v>
      </c>
      <c r="I18" s="44">
        <v>48673.199999998251</v>
      </c>
      <c r="J18" s="44">
        <v>48673.199999998251</v>
      </c>
      <c r="K18" s="44">
        <v>48673.199999998251</v>
      </c>
      <c r="L18" s="44">
        <v>48673.199999998251</v>
      </c>
      <c r="M18" s="44">
        <v>48673.199999998251</v>
      </c>
      <c r="N18" s="44">
        <v>48673.199999998251</v>
      </c>
      <c r="O18" s="44">
        <v>48673.199999998251</v>
      </c>
      <c r="P18" s="44">
        <v>48673.199999998251</v>
      </c>
      <c r="Q18" s="44">
        <v>48673.199999998251</v>
      </c>
      <c r="R18" s="44">
        <v>48673.199999998251</v>
      </c>
      <c r="S18" s="44">
        <v>48673.199999998251</v>
      </c>
      <c r="T18" s="44">
        <v>48673.199999998251</v>
      </c>
      <c r="U18" s="44">
        <v>48673.199999998251</v>
      </c>
      <c r="V18" s="44">
        <v>48673.199999998251</v>
      </c>
    </row>
    <row r="19" spans="1:22">
      <c r="A19" s="39" t="s">
        <v>65</v>
      </c>
      <c r="B19" s="39"/>
      <c r="C19" s="45">
        <v>2384986.7999999141</v>
      </c>
      <c r="D19" s="45">
        <v>2384986.7999999141</v>
      </c>
      <c r="E19" s="45">
        <v>2384986.7999999141</v>
      </c>
      <c r="F19" s="45">
        <v>2384986.7999999141</v>
      </c>
      <c r="G19" s="45">
        <v>2384986.7999999141</v>
      </c>
      <c r="H19" s="45">
        <v>2384986.7999999141</v>
      </c>
      <c r="I19" s="45">
        <v>2384986.7999999141</v>
      </c>
      <c r="J19" s="45">
        <v>2384986.7999999141</v>
      </c>
      <c r="K19" s="45">
        <v>2384986.7999999141</v>
      </c>
      <c r="L19" s="45">
        <v>2384986.7999999141</v>
      </c>
      <c r="M19" s="45">
        <v>2384986.7999999141</v>
      </c>
      <c r="N19" s="45">
        <v>2384986.7999999141</v>
      </c>
      <c r="O19" s="45">
        <v>2384986.7999999141</v>
      </c>
      <c r="P19" s="45">
        <v>2384986.7999999141</v>
      </c>
      <c r="Q19" s="45">
        <v>2384986.7999999141</v>
      </c>
      <c r="R19" s="45">
        <v>2384986.7999999141</v>
      </c>
      <c r="S19" s="45">
        <v>2384986.7999999141</v>
      </c>
      <c r="T19" s="45">
        <v>2384986.7999999141</v>
      </c>
      <c r="U19" s="45">
        <v>2384986.7999999141</v>
      </c>
      <c r="V19" s="45">
        <v>2384986.7999999141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1892156.4020108173</v>
      </c>
      <c r="D21" s="44">
        <v>1892156.4020108173</v>
      </c>
      <c r="E21" s="44">
        <v>1892156.4020108173</v>
      </c>
      <c r="F21" s="44">
        <v>1899559.2020108174</v>
      </c>
      <c r="G21" s="44">
        <v>1899559.2020108174</v>
      </c>
      <c r="H21" s="44">
        <v>1899559.2020108174</v>
      </c>
      <c r="I21" s="44">
        <v>1899559.2020108174</v>
      </c>
      <c r="J21" s="44">
        <v>1899559.2020108174</v>
      </c>
      <c r="K21" s="44">
        <v>1899559.2020108174</v>
      </c>
      <c r="L21" s="44">
        <v>1899559.2020108174</v>
      </c>
      <c r="M21" s="46">
        <v>1892156.4020108173</v>
      </c>
      <c r="N21" s="46">
        <v>1892156.4020108173</v>
      </c>
      <c r="O21" s="46">
        <v>1892156.4020108173</v>
      </c>
      <c r="P21" s="46">
        <v>1899559.2020108174</v>
      </c>
      <c r="Q21" s="46">
        <v>1899559.2020108174</v>
      </c>
      <c r="R21" s="46">
        <v>1899559.2020108174</v>
      </c>
      <c r="S21" s="46">
        <v>1899559.2020108174</v>
      </c>
      <c r="T21" s="46">
        <v>1899559.2020108174</v>
      </c>
      <c r="U21" s="46">
        <v>1899559.2020108174</v>
      </c>
      <c r="V21" s="46">
        <v>1899559.2020108174</v>
      </c>
    </row>
    <row r="22" spans="1:22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74">
        <v>75964.956737424247</v>
      </c>
      <c r="D23" s="74">
        <v>100539.19023742423</v>
      </c>
      <c r="E23" s="74">
        <v>114074.58795742423</v>
      </c>
      <c r="F23" s="74">
        <v>116315.14795742423</v>
      </c>
      <c r="G23" s="74">
        <v>116315.14795742423</v>
      </c>
      <c r="H23" s="74">
        <v>93626.979177424248</v>
      </c>
      <c r="I23" s="74">
        <v>69052.745677424246</v>
      </c>
      <c r="J23" s="74">
        <v>55517.347957424237</v>
      </c>
      <c r="K23" s="74">
        <v>53276.78795742424</v>
      </c>
      <c r="L23" s="74">
        <v>64276.78795742424</v>
      </c>
      <c r="M23" s="74">
        <v>80364.956737424247</v>
      </c>
      <c r="N23" s="74">
        <v>849168.70461333334</v>
      </c>
      <c r="O23" s="74">
        <v>862704.10233333334</v>
      </c>
      <c r="P23" s="74">
        <v>864944.66233333328</v>
      </c>
      <c r="Q23" s="74">
        <v>853944.66233333328</v>
      </c>
      <c r="R23" s="74">
        <v>837856.49355333333</v>
      </c>
      <c r="S23" s="74">
        <v>813282.26005333324</v>
      </c>
      <c r="T23" s="74">
        <v>799746.86233333335</v>
      </c>
      <c r="U23" s="74">
        <v>797506.3023333333</v>
      </c>
      <c r="V23" s="74">
        <v>797506.3023333333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416865.44125167257</v>
      </c>
      <c r="D25" s="46">
        <v>392291.2077516726</v>
      </c>
      <c r="E25" s="46">
        <v>378755.81003167259</v>
      </c>
      <c r="F25" s="46">
        <v>369112.45003167255</v>
      </c>
      <c r="G25" s="46">
        <v>369112.45003167255</v>
      </c>
      <c r="H25" s="46">
        <v>391800.61881167255</v>
      </c>
      <c r="I25" s="46">
        <v>416374.85231167253</v>
      </c>
      <c r="J25" s="46">
        <v>429910.25003167253</v>
      </c>
      <c r="K25" s="46">
        <v>432150.81003167253</v>
      </c>
      <c r="L25" s="46">
        <v>421150.81003167253</v>
      </c>
      <c r="M25" s="46">
        <v>412465.44125167257</v>
      </c>
      <c r="N25" s="46">
        <v>-356338.30662423652</v>
      </c>
      <c r="O25" s="46">
        <v>-369873.70434423652</v>
      </c>
      <c r="P25" s="46">
        <v>-379517.06434423651</v>
      </c>
      <c r="Q25" s="46">
        <v>-368517.06434423651</v>
      </c>
      <c r="R25" s="46">
        <v>-352428.89556423656</v>
      </c>
      <c r="S25" s="46">
        <v>-327854.66206423647</v>
      </c>
      <c r="T25" s="46">
        <v>-314319.26434423658</v>
      </c>
      <c r="U25" s="46">
        <v>-312078.70434423652</v>
      </c>
      <c r="V25" s="46">
        <v>-312078.70434423652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141734.25002556868</v>
      </c>
      <c r="D27" s="40">
        <v>133379.0106355687</v>
      </c>
      <c r="E27" s="40">
        <v>128776.97541076869</v>
      </c>
      <c r="F27" s="40">
        <v>125498.23301076867</v>
      </c>
      <c r="G27" s="40">
        <v>125498.23301076867</v>
      </c>
      <c r="H27" s="40">
        <v>133212.21039596866</v>
      </c>
      <c r="I27" s="40">
        <v>141567.44978596867</v>
      </c>
      <c r="J27" s="40">
        <v>146169.48501076867</v>
      </c>
      <c r="K27" s="40">
        <v>146931.27541076866</v>
      </c>
      <c r="L27" s="40">
        <v>143191.27541076866</v>
      </c>
      <c r="M27" s="40">
        <v>140238.25002556868</v>
      </c>
      <c r="N27" s="40">
        <v>0</v>
      </c>
      <c r="O27" s="40">
        <v>0</v>
      </c>
      <c r="P27" s="40">
        <v>0</v>
      </c>
      <c r="Q27" s="40">
        <v>0</v>
      </c>
      <c r="R27" s="40">
        <v>0</v>
      </c>
      <c r="S27" s="40">
        <v>0</v>
      </c>
      <c r="T27" s="40">
        <v>0</v>
      </c>
      <c r="U27" s="40">
        <v>0</v>
      </c>
      <c r="V27" s="40">
        <v>0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275131.19122610393</v>
      </c>
      <c r="D29" s="46">
        <v>258912.1971161039</v>
      </c>
      <c r="E29" s="46">
        <v>249978.83462090389</v>
      </c>
      <c r="F29" s="46">
        <v>243614.21702090389</v>
      </c>
      <c r="G29" s="46">
        <v>243614.21702090389</v>
      </c>
      <c r="H29" s="46">
        <v>258588.40841570389</v>
      </c>
      <c r="I29" s="46">
        <v>274807.40252570389</v>
      </c>
      <c r="J29" s="46">
        <v>283740.7650209039</v>
      </c>
      <c r="K29" s="46">
        <v>285219.5346209039</v>
      </c>
      <c r="L29" s="46">
        <v>277959.5346209039</v>
      </c>
      <c r="M29" s="46">
        <v>272227.19122610393</v>
      </c>
      <c r="N29" s="46">
        <v>-356338.30662423652</v>
      </c>
      <c r="O29" s="46">
        <v>-369873.70434423652</v>
      </c>
      <c r="P29" s="46">
        <v>-379517.06434423651</v>
      </c>
      <c r="Q29" s="46">
        <v>-368517.06434423651</v>
      </c>
      <c r="R29" s="46">
        <v>-352428.89556423656</v>
      </c>
      <c r="S29" s="46">
        <v>-327854.66206423647</v>
      </c>
      <c r="T29" s="46">
        <v>-314319.26434423658</v>
      </c>
      <c r="U29" s="46">
        <v>-312078.70434423652</v>
      </c>
      <c r="V29" s="46">
        <v>-312078.70434423652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75964.956737424247</v>
      </c>
      <c r="D31" s="40">
        <v>100539.19023742423</v>
      </c>
      <c r="E31" s="40">
        <v>114074.58795742423</v>
      </c>
      <c r="F31" s="40">
        <v>116315.14795742423</v>
      </c>
      <c r="G31" s="40">
        <v>116315.14795742423</v>
      </c>
      <c r="H31" s="40">
        <v>93626.979177424248</v>
      </c>
      <c r="I31" s="40">
        <v>69052.745677424246</v>
      </c>
      <c r="J31" s="40">
        <v>55517.347957424237</v>
      </c>
      <c r="K31" s="40">
        <v>53276.78795742424</v>
      </c>
      <c r="L31" s="40">
        <v>64276.78795742424</v>
      </c>
      <c r="M31" s="40">
        <v>80364.956737424247</v>
      </c>
      <c r="N31" s="40">
        <v>849168.70461333334</v>
      </c>
      <c r="O31" s="40">
        <v>862704.10233333334</v>
      </c>
      <c r="P31" s="40">
        <v>864944.66233333328</v>
      </c>
      <c r="Q31" s="40">
        <v>853944.66233333328</v>
      </c>
      <c r="R31" s="40">
        <v>837856.49355333333</v>
      </c>
      <c r="S31" s="40">
        <v>813282.26005333324</v>
      </c>
      <c r="T31" s="40">
        <v>799746.86233333335</v>
      </c>
      <c r="U31" s="40">
        <v>797506.3023333333</v>
      </c>
      <c r="V31" s="40">
        <v>797506.3023333333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351096.14796352817</v>
      </c>
      <c r="D33" s="46">
        <v>359451.38735352812</v>
      </c>
      <c r="E33" s="46">
        <v>364053.42257832811</v>
      </c>
      <c r="F33" s="46">
        <v>359929.36497832811</v>
      </c>
      <c r="G33" s="46">
        <v>359929.36497832811</v>
      </c>
      <c r="H33" s="46">
        <v>352215.38759312814</v>
      </c>
      <c r="I33" s="46">
        <v>343860.14820312813</v>
      </c>
      <c r="J33" s="46">
        <v>339258.11297832814</v>
      </c>
      <c r="K33" s="46">
        <v>338496.32257832814</v>
      </c>
      <c r="L33" s="46">
        <v>342236.32257832814</v>
      </c>
      <c r="M33" s="46">
        <v>352592.14796352817</v>
      </c>
      <c r="N33" s="46">
        <v>492830.39798909682</v>
      </c>
      <c r="O33" s="46">
        <v>492830.39798909682</v>
      </c>
      <c r="P33" s="46">
        <v>485427.59798909677</v>
      </c>
      <c r="Q33" s="46">
        <v>485427.59798909677</v>
      </c>
      <c r="R33" s="46">
        <v>485427.59798909677</v>
      </c>
      <c r="S33" s="46">
        <v>485427.59798909677</v>
      </c>
      <c r="T33" s="46">
        <v>485427.59798909677</v>
      </c>
      <c r="U33" s="46">
        <v>485427.59798909677</v>
      </c>
      <c r="V33" s="46">
        <v>485427.59798909677</v>
      </c>
    </row>
    <row r="34" spans="1:22">
      <c r="A34" s="39"/>
      <c r="B34" s="40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648510.39257747692</v>
      </c>
      <c r="C35" s="45">
        <v>80440.843899999993</v>
      </c>
      <c r="D35" s="45">
        <v>122871.1675</v>
      </c>
      <c r="E35" s="45">
        <v>67676.988600000012</v>
      </c>
      <c r="F35" s="45">
        <v>11202.8</v>
      </c>
      <c r="G35" s="45">
        <v>0</v>
      </c>
      <c r="H35" s="45">
        <v>0</v>
      </c>
      <c r="I35" s="45">
        <v>0</v>
      </c>
      <c r="J35" s="45">
        <v>0</v>
      </c>
      <c r="K35" s="45">
        <v>0</v>
      </c>
      <c r="L35" s="45">
        <v>55000</v>
      </c>
      <c r="M35" s="45">
        <v>80440.843899999993</v>
      </c>
      <c r="N35" s="45">
        <v>7299426.1675000004</v>
      </c>
      <c r="O35" s="45">
        <v>67676.988600000012</v>
      </c>
      <c r="P35" s="45">
        <v>11202.8</v>
      </c>
      <c r="Q35" s="45">
        <v>0</v>
      </c>
      <c r="R35" s="45">
        <v>0</v>
      </c>
      <c r="S35" s="45">
        <v>0</v>
      </c>
      <c r="T35" s="45">
        <v>0</v>
      </c>
      <c r="U35" s="45">
        <v>0</v>
      </c>
      <c r="V35" s="45">
        <v>-25919.950712476948</v>
      </c>
    </row>
    <row r="36" spans="1:22">
      <c r="A36" s="47" t="s">
        <v>74</v>
      </c>
      <c r="B36" s="46">
        <v>584820.34186499997</v>
      </c>
      <c r="C36" s="46"/>
      <c r="D36" s="46"/>
      <c r="E36" s="46"/>
      <c r="F36" s="46"/>
      <c r="G36" s="46"/>
      <c r="H36" s="46"/>
      <c r="I36" s="46"/>
      <c r="J36" s="46"/>
      <c r="K36" s="46"/>
      <c r="L36" s="46"/>
      <c r="M36" s="46"/>
      <c r="N36" s="46">
        <v>7176555</v>
      </c>
      <c r="O36" s="46"/>
      <c r="P36" s="46"/>
      <c r="Q36" s="46"/>
      <c r="R36" s="46"/>
      <c r="S36" s="46"/>
      <c r="T36" s="46"/>
      <c r="U36" s="46"/>
      <c r="V36" s="46"/>
    </row>
    <row r="37" spans="1:22">
      <c r="A37" s="48" t="s">
        <v>75</v>
      </c>
      <c r="B37" s="40">
        <v>33000</v>
      </c>
      <c r="C37" s="40">
        <v>80440.843899999993</v>
      </c>
      <c r="D37" s="40">
        <v>122871.1675</v>
      </c>
      <c r="E37" s="40">
        <v>67676.988600000012</v>
      </c>
      <c r="F37" s="40">
        <v>11202.8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55000</v>
      </c>
      <c r="M37" s="40">
        <v>80440.843899999993</v>
      </c>
      <c r="N37" s="40">
        <v>122871.1675</v>
      </c>
      <c r="O37" s="40">
        <v>67676.988600000012</v>
      </c>
      <c r="P37" s="40">
        <v>11202.8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4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25919.950712476948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25919.950712476948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0</v>
      </c>
      <c r="D41" s="44">
        <v>0</v>
      </c>
      <c r="E41" s="44">
        <v>0</v>
      </c>
      <c r="F41" s="44">
        <v>0</v>
      </c>
      <c r="G41" s="44">
        <v>0</v>
      </c>
      <c r="H41" s="44">
        <v>0</v>
      </c>
      <c r="I41" s="44">
        <v>0</v>
      </c>
      <c r="J41" s="44">
        <v>0</v>
      </c>
      <c r="K41" s="44">
        <v>0</v>
      </c>
      <c r="L41" s="44">
        <v>0</v>
      </c>
      <c r="M41" s="44">
        <v>0</v>
      </c>
      <c r="N41" s="44">
        <v>0</v>
      </c>
      <c r="O41" s="44">
        <v>0</v>
      </c>
      <c r="P41" s="44">
        <v>0</v>
      </c>
      <c r="Q41" s="44">
        <v>0</v>
      </c>
      <c r="R41" s="44">
        <v>0</v>
      </c>
      <c r="S41" s="44">
        <v>0</v>
      </c>
      <c r="T41" s="44">
        <v>0</v>
      </c>
      <c r="U41" s="44">
        <v>0</v>
      </c>
      <c r="V41" s="44">
        <v>2544.0533333333337</v>
      </c>
    </row>
    <row r="42" spans="1:22">
      <c r="A42" s="39" t="s">
        <v>79</v>
      </c>
      <c r="B42" s="39"/>
      <c r="C42" s="45">
        <v>0</v>
      </c>
      <c r="D42" s="45">
        <v>0</v>
      </c>
      <c r="E42" s="45">
        <v>0</v>
      </c>
      <c r="F42" s="45">
        <v>0</v>
      </c>
      <c r="G42" s="45">
        <v>0</v>
      </c>
      <c r="H42" s="45">
        <v>0</v>
      </c>
      <c r="I42" s="45">
        <v>0</v>
      </c>
      <c r="J42" s="45">
        <v>0</v>
      </c>
      <c r="K42" s="45">
        <v>0</v>
      </c>
      <c r="L42" s="45">
        <v>0</v>
      </c>
      <c r="M42" s="45">
        <v>0</v>
      </c>
      <c r="N42" s="45">
        <v>0</v>
      </c>
      <c r="O42" s="45">
        <v>0</v>
      </c>
      <c r="P42" s="45">
        <v>0</v>
      </c>
      <c r="Q42" s="45">
        <v>0</v>
      </c>
      <c r="R42" s="45">
        <v>0</v>
      </c>
      <c r="S42" s="45">
        <v>0</v>
      </c>
      <c r="T42" s="45">
        <v>0</v>
      </c>
      <c r="U42" s="45">
        <v>0</v>
      </c>
      <c r="V42" s="45">
        <v>0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4">
        <v>0</v>
      </c>
      <c r="M43" s="43">
        <v>0</v>
      </c>
      <c r="N43" s="43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648510.39257747692</v>
      </c>
      <c r="C45" s="51">
        <v>270655.30406352819</v>
      </c>
      <c r="D45" s="51">
        <v>236580.21985352813</v>
      </c>
      <c r="E45" s="51">
        <v>296376.43397832813</v>
      </c>
      <c r="F45" s="51">
        <v>348726.56497832813</v>
      </c>
      <c r="G45" s="51">
        <v>359929.36497832811</v>
      </c>
      <c r="H45" s="51">
        <v>352215.38759312814</v>
      </c>
      <c r="I45" s="51">
        <v>343860.14820312813</v>
      </c>
      <c r="J45" s="51">
        <v>339258.11297832814</v>
      </c>
      <c r="K45" s="51">
        <v>338496.32257832814</v>
      </c>
      <c r="L45" s="51">
        <v>287236.32257832814</v>
      </c>
      <c r="M45" s="51">
        <v>272151.30406352819</v>
      </c>
      <c r="N45" s="51">
        <v>-6806595.7695109034</v>
      </c>
      <c r="O45" s="51">
        <v>425153.40938909678</v>
      </c>
      <c r="P45" s="51">
        <v>474224.79798909678</v>
      </c>
      <c r="Q45" s="51">
        <v>485427.59798909677</v>
      </c>
      <c r="R45" s="51">
        <v>485427.59798909677</v>
      </c>
      <c r="S45" s="51">
        <v>485427.59798909677</v>
      </c>
      <c r="T45" s="51">
        <v>485427.59798909677</v>
      </c>
      <c r="U45" s="51">
        <v>485427.59798909677</v>
      </c>
      <c r="V45" s="51">
        <v>513891.60203490709</v>
      </c>
    </row>
    <row r="46" spans="1:22">
      <c r="A46" s="39"/>
      <c r="B46" s="39"/>
      <c r="C46" s="54"/>
      <c r="D46" s="54"/>
      <c r="E46" s="54"/>
      <c r="F46" s="54"/>
      <c r="G46" s="54"/>
      <c r="H46" s="54"/>
      <c r="I46" s="54"/>
      <c r="J46" s="54"/>
      <c r="K46" s="54"/>
      <c r="L46" s="54"/>
      <c r="M46" s="39"/>
      <c r="N46" s="39"/>
      <c r="O46" s="39"/>
      <c r="P46" s="39"/>
      <c r="Q46" s="39"/>
      <c r="R46" s="39"/>
      <c r="S46" s="39"/>
      <c r="T46" s="39"/>
      <c r="U46" s="39"/>
      <c r="V46" s="39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45"/>
      <c r="C48" s="45"/>
      <c r="D48" s="45"/>
      <c r="E48" s="45"/>
      <c r="F48" s="45"/>
      <c r="G48" s="45"/>
      <c r="H48" s="45"/>
      <c r="I48" s="45"/>
      <c r="J48" s="45"/>
      <c r="K48" s="45"/>
      <c r="L48" s="45"/>
      <c r="M48" s="45"/>
      <c r="N48" s="45"/>
      <c r="O48" s="45"/>
      <c r="P48" s="45"/>
      <c r="Q48" s="45"/>
      <c r="R48" s="45"/>
      <c r="S48" s="45"/>
      <c r="T48" s="45"/>
      <c r="U48" s="45"/>
      <c r="V48" s="45"/>
    </row>
    <row r="49" spans="1:22" ht="12" thickBot="1"/>
    <row r="50" spans="1:22" ht="16.5" thickBot="1">
      <c r="A50" s="89" t="s">
        <v>56</v>
      </c>
      <c r="B50" s="90">
        <v>9.8500000000000004E-2</v>
      </c>
      <c r="C50" s="53"/>
      <c r="D50" s="39"/>
      <c r="E50" s="39"/>
      <c r="F50" s="39"/>
      <c r="G50" s="39"/>
      <c r="H50" s="40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45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40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75964.956737424247</v>
      </c>
      <c r="D55" s="57">
        <v>100539.19023742423</v>
      </c>
      <c r="E55" s="57">
        <v>114074.58795742423</v>
      </c>
      <c r="F55" s="57">
        <v>116315.14795742423</v>
      </c>
      <c r="G55" s="57">
        <v>116315.14795742423</v>
      </c>
      <c r="H55" s="57">
        <v>93626.979177424248</v>
      </c>
      <c r="I55" s="57">
        <v>69052.745677424246</v>
      </c>
      <c r="J55" s="57">
        <v>55517.347957424237</v>
      </c>
      <c r="K55" s="57">
        <v>53276.78795742424</v>
      </c>
      <c r="L55" s="57">
        <v>64276.78795742424</v>
      </c>
      <c r="M55" s="57">
        <v>80364.956737424247</v>
      </c>
      <c r="N55" s="57">
        <v>849168.70461333334</v>
      </c>
      <c r="O55" s="57">
        <v>862704.10233333334</v>
      </c>
      <c r="P55" s="57">
        <v>864944.66233333328</v>
      </c>
      <c r="Q55" s="57">
        <v>853944.66233333328</v>
      </c>
      <c r="R55" s="57">
        <v>837856.49355333333</v>
      </c>
      <c r="S55" s="57">
        <v>813282.26005333324</v>
      </c>
      <c r="T55" s="57">
        <v>799746.86233333335</v>
      </c>
      <c r="U55" s="57">
        <v>797506.3023333333</v>
      </c>
      <c r="V55" s="57">
        <v>797506.3023333333</v>
      </c>
    </row>
    <row r="56" spans="1:22">
      <c r="A56" s="60" t="s">
        <v>83</v>
      </c>
      <c r="B56" s="61"/>
      <c r="C56" s="63">
        <v>53165.485624090907</v>
      </c>
      <c r="D56" s="63">
        <v>53165.485624090907</v>
      </c>
      <c r="E56" s="63">
        <v>53165.485624090907</v>
      </c>
      <c r="F56" s="63">
        <v>53165.485624090907</v>
      </c>
      <c r="G56" s="63">
        <v>53165.485624090907</v>
      </c>
      <c r="H56" s="63">
        <v>53165.485624090907</v>
      </c>
      <c r="I56" s="63">
        <v>53165.485624090907</v>
      </c>
      <c r="J56" s="63">
        <v>53165.485624090907</v>
      </c>
      <c r="K56" s="63">
        <v>53165.485624090907</v>
      </c>
      <c r="L56" s="63">
        <v>53165.485624090907</v>
      </c>
      <c r="M56" s="63">
        <v>53165.485624090907</v>
      </c>
      <c r="N56" s="63">
        <v>797395</v>
      </c>
      <c r="O56" s="63">
        <v>797395</v>
      </c>
      <c r="P56" s="63">
        <v>797395</v>
      </c>
      <c r="Q56" s="63">
        <v>797395</v>
      </c>
      <c r="R56" s="63">
        <v>797395</v>
      </c>
      <c r="S56" s="63">
        <v>797395</v>
      </c>
      <c r="T56" s="63">
        <v>797395</v>
      </c>
      <c r="U56" s="63">
        <v>797395</v>
      </c>
      <c r="V56" s="64">
        <v>797395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2688.16878</v>
      </c>
      <c r="D58" s="71">
        <v>47262.402279999995</v>
      </c>
      <c r="E58" s="71">
        <v>60797.799999999996</v>
      </c>
      <c r="F58" s="71">
        <v>63038.359999999993</v>
      </c>
      <c r="G58" s="71">
        <v>63038.359999999993</v>
      </c>
      <c r="H58" s="71">
        <v>40350.191220000001</v>
      </c>
      <c r="I58" s="71">
        <v>15775.957720000002</v>
      </c>
      <c r="J58" s="71">
        <v>2240.56</v>
      </c>
      <c r="K58" s="71">
        <v>0</v>
      </c>
      <c r="L58" s="71">
        <v>11000</v>
      </c>
      <c r="M58" s="71">
        <v>27088.16878</v>
      </c>
      <c r="N58" s="71">
        <v>51662.402279999995</v>
      </c>
      <c r="O58" s="71">
        <v>65197.8</v>
      </c>
      <c r="P58" s="71">
        <v>67438.36</v>
      </c>
      <c r="Q58" s="71">
        <v>56438.36</v>
      </c>
      <c r="R58" s="71">
        <v>40350.191220000001</v>
      </c>
      <c r="S58" s="71">
        <v>15775.957720000002</v>
      </c>
      <c r="T58" s="71">
        <v>2240.56</v>
      </c>
      <c r="U58" s="71">
        <v>0</v>
      </c>
      <c r="V58" s="72">
        <v>0</v>
      </c>
    </row>
    <row r="81" spans="11:11" ht="12.75">
      <c r="K81" s="103" t="s">
        <v>120</v>
      </c>
    </row>
    <row r="82" spans="11:11" ht="12.75">
      <c r="K82" s="85"/>
    </row>
  </sheetData>
  <pageMargins left="0.28000000000000003" right="0.51181102362204722" top="0.34" bottom="0.78740157480314965" header="0.31496062992125984" footer="0.31496062992125984"/>
  <pageSetup paperSize="9" scale="55" orientation="landscape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>
  <sheetPr codeName="Plan23"/>
  <dimension ref="A1:W81"/>
  <sheetViews>
    <sheetView tabSelected="1" view="pageBreakPreview" topLeftCell="A16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27.75" customHeight="1">
      <c r="A1" s="82" t="s">
        <v>134</v>
      </c>
    </row>
    <row r="4" spans="1:22" ht="18">
      <c r="A4" s="82" t="s">
        <v>143</v>
      </c>
    </row>
    <row r="5" spans="1:22" ht="15.75">
      <c r="A5" s="87" t="s">
        <v>135</v>
      </c>
    </row>
    <row r="6" spans="1:22" ht="15.75">
      <c r="A6" s="87" t="s">
        <v>102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2">
        <v>22554.499999999454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16825.170658756811</v>
      </c>
    </row>
    <row r="11" spans="1:22" ht="12.75">
      <c r="A11" s="91" t="s">
        <v>59</v>
      </c>
      <c r="B11" s="92"/>
      <c r="C11" s="99">
        <v>6379.4830119999997</v>
      </c>
    </row>
    <row r="12" spans="1:22" ht="12.75">
      <c r="A12" s="91" t="s">
        <v>60</v>
      </c>
      <c r="B12" s="92"/>
      <c r="C12" s="100">
        <v>10445.687646756811</v>
      </c>
    </row>
    <row r="13" spans="1:22" ht="12.75">
      <c r="A13" s="91" t="s">
        <v>61</v>
      </c>
      <c r="B13" s="92"/>
      <c r="C13" s="99">
        <v>4006.7999999999997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27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3">
      <c r="A17" s="39" t="s">
        <v>63</v>
      </c>
      <c r="B17" s="39"/>
      <c r="C17" s="40">
        <v>2706539.9999999343</v>
      </c>
      <c r="D17" s="40">
        <v>2706539.9999999343</v>
      </c>
      <c r="E17" s="40">
        <v>2706539.9999999343</v>
      </c>
      <c r="F17" s="40">
        <v>2706539.9999999343</v>
      </c>
      <c r="G17" s="40">
        <v>2706539.9999999343</v>
      </c>
      <c r="H17" s="40">
        <v>2706539.9999999343</v>
      </c>
      <c r="I17" s="40">
        <v>2706539.9999999343</v>
      </c>
      <c r="J17" s="40">
        <v>2706539.9999999343</v>
      </c>
      <c r="K17" s="40">
        <v>2706539.9999999343</v>
      </c>
      <c r="L17" s="40">
        <v>2706539.9999999343</v>
      </c>
      <c r="M17" s="40">
        <v>2706539.9999999343</v>
      </c>
      <c r="N17" s="40">
        <v>2706539.9999999343</v>
      </c>
      <c r="O17" s="40">
        <v>2706539.9999999343</v>
      </c>
      <c r="P17" s="40">
        <v>2706539.9999999343</v>
      </c>
      <c r="Q17" s="40">
        <v>2706539.9999999343</v>
      </c>
      <c r="R17" s="40">
        <v>2706539.9999999343</v>
      </c>
      <c r="S17" s="40">
        <v>2706539.9999999343</v>
      </c>
      <c r="T17" s="40">
        <v>2706539.9999999343</v>
      </c>
      <c r="U17" s="40">
        <v>2706539.9999999343</v>
      </c>
      <c r="V17" s="40">
        <v>2706539.9999999343</v>
      </c>
    </row>
    <row r="18" spans="1:23">
      <c r="A18" s="43" t="s">
        <v>64</v>
      </c>
      <c r="B18" s="43"/>
      <c r="C18" s="44">
        <v>54130.799999998686</v>
      </c>
      <c r="D18" s="44">
        <v>54130.799999998686</v>
      </c>
      <c r="E18" s="44">
        <v>54130.799999998686</v>
      </c>
      <c r="F18" s="44">
        <v>54130.799999998686</v>
      </c>
      <c r="G18" s="44">
        <v>54130.799999998686</v>
      </c>
      <c r="H18" s="44">
        <v>54130.799999998686</v>
      </c>
      <c r="I18" s="44">
        <v>54130.799999998686</v>
      </c>
      <c r="J18" s="44">
        <v>54130.799999998686</v>
      </c>
      <c r="K18" s="44">
        <v>54130.799999998686</v>
      </c>
      <c r="L18" s="44">
        <v>54130.799999998686</v>
      </c>
      <c r="M18" s="44">
        <v>54130.799999998686</v>
      </c>
      <c r="N18" s="44">
        <v>54130.799999998686</v>
      </c>
      <c r="O18" s="44">
        <v>54130.799999998686</v>
      </c>
      <c r="P18" s="44">
        <v>54130.799999998686</v>
      </c>
      <c r="Q18" s="44">
        <v>54130.799999998686</v>
      </c>
      <c r="R18" s="44">
        <v>54130.799999998686</v>
      </c>
      <c r="S18" s="44">
        <v>54130.799999998686</v>
      </c>
      <c r="T18" s="44">
        <v>54130.799999998686</v>
      </c>
      <c r="U18" s="44">
        <v>54130.799999998686</v>
      </c>
      <c r="V18" s="44">
        <v>54130.799999998686</v>
      </c>
    </row>
    <row r="19" spans="1:23">
      <c r="A19" s="39" t="s">
        <v>65</v>
      </c>
      <c r="B19" s="39"/>
      <c r="C19" s="45">
        <v>2652409.1999999355</v>
      </c>
      <c r="D19" s="45">
        <v>2652409.1999999355</v>
      </c>
      <c r="E19" s="45">
        <v>2652409.1999999355</v>
      </c>
      <c r="F19" s="45">
        <v>2652409.1999999355</v>
      </c>
      <c r="G19" s="45">
        <v>2652409.1999999355</v>
      </c>
      <c r="H19" s="45">
        <v>2652409.1999999355</v>
      </c>
      <c r="I19" s="45">
        <v>2652409.1999999355</v>
      </c>
      <c r="J19" s="45">
        <v>2652409.1999999355</v>
      </c>
      <c r="K19" s="45">
        <v>2652409.1999999355</v>
      </c>
      <c r="L19" s="45">
        <v>2652409.1999999355</v>
      </c>
      <c r="M19" s="45">
        <v>2652409.1999999355</v>
      </c>
      <c r="N19" s="45">
        <v>2652409.1999999355</v>
      </c>
      <c r="O19" s="45">
        <v>2652409.1999999355</v>
      </c>
      <c r="P19" s="45">
        <v>2652409.1999999355</v>
      </c>
      <c r="Q19" s="45">
        <v>2652409.1999999355</v>
      </c>
      <c r="R19" s="45">
        <v>2652409.1999999355</v>
      </c>
      <c r="S19" s="45">
        <v>2652409.1999999355</v>
      </c>
      <c r="T19" s="45">
        <v>2652409.1999999355</v>
      </c>
      <c r="U19" s="45">
        <v>2652409.1999999355</v>
      </c>
      <c r="V19" s="45">
        <v>2652409.1999999355</v>
      </c>
    </row>
    <row r="20" spans="1:23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3">
      <c r="A21" s="43" t="s">
        <v>66</v>
      </c>
      <c r="B21" s="43"/>
      <c r="C21" s="44">
        <v>2066091.6790508172</v>
      </c>
      <c r="D21" s="44">
        <v>2066091.6790508172</v>
      </c>
      <c r="E21" s="44">
        <v>2066091.6790508172</v>
      </c>
      <c r="F21" s="44">
        <v>2073494.4790508172</v>
      </c>
      <c r="G21" s="44">
        <v>2073494.4790508172</v>
      </c>
      <c r="H21" s="44">
        <v>2073494.4790508172</v>
      </c>
      <c r="I21" s="44">
        <v>2073494.4790508172</v>
      </c>
      <c r="J21" s="44">
        <v>2073494.4790508172</v>
      </c>
      <c r="K21" s="44">
        <v>2073494.4790508172</v>
      </c>
      <c r="L21" s="44">
        <v>2073494.4790508172</v>
      </c>
      <c r="M21" s="46">
        <v>2066091.6790508172</v>
      </c>
      <c r="N21" s="46">
        <v>2066091.6790508172</v>
      </c>
      <c r="O21" s="46">
        <v>2066091.6790508172</v>
      </c>
      <c r="P21" s="46">
        <v>2073494.4790508172</v>
      </c>
      <c r="Q21" s="46">
        <v>2073494.4790508172</v>
      </c>
      <c r="R21" s="46">
        <v>2073494.4790508172</v>
      </c>
      <c r="S21" s="46">
        <v>2073494.4790508172</v>
      </c>
      <c r="T21" s="46">
        <v>2073494.4790508172</v>
      </c>
      <c r="U21" s="46">
        <v>2073494.4790508172</v>
      </c>
      <c r="V21" s="46">
        <v>2073494.4790508172</v>
      </c>
    </row>
    <row r="22" spans="1:23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3">
      <c r="A23" s="39" t="s">
        <v>67</v>
      </c>
      <c r="B23" s="39"/>
      <c r="C23" s="74">
        <v>70621.746422424243</v>
      </c>
      <c r="D23" s="74">
        <v>95195.979922424231</v>
      </c>
      <c r="E23" s="74">
        <v>108731.37764242422</v>
      </c>
      <c r="F23" s="74">
        <v>110971.93764242422</v>
      </c>
      <c r="G23" s="74">
        <v>110971.93764242422</v>
      </c>
      <c r="H23" s="74">
        <v>88283.768862424244</v>
      </c>
      <c r="I23" s="74">
        <v>63709.535362424242</v>
      </c>
      <c r="J23" s="74">
        <v>50174.137642424233</v>
      </c>
      <c r="K23" s="74">
        <v>47933.577642424236</v>
      </c>
      <c r="L23" s="74">
        <v>58933.577642424236</v>
      </c>
      <c r="M23" s="74">
        <v>75021.746422424243</v>
      </c>
      <c r="N23" s="74">
        <v>1069267.7046133333</v>
      </c>
      <c r="O23" s="74">
        <v>1082803.1023333333</v>
      </c>
      <c r="P23" s="74">
        <v>1085043.6623333334</v>
      </c>
      <c r="Q23" s="74">
        <v>1074043.6623333334</v>
      </c>
      <c r="R23" s="74">
        <v>1057955.4935533332</v>
      </c>
      <c r="S23" s="74">
        <v>1033381.2600533332</v>
      </c>
      <c r="T23" s="74">
        <v>1019845.8623333334</v>
      </c>
      <c r="U23" s="74">
        <v>1017605.3023333333</v>
      </c>
      <c r="V23" s="74">
        <v>1017605.3023333333</v>
      </c>
    </row>
    <row r="24" spans="1:23">
      <c r="A24" s="39"/>
      <c r="B24" s="39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  <c r="W24" s="37"/>
    </row>
    <row r="25" spans="1:23">
      <c r="A25" s="43" t="s">
        <v>68</v>
      </c>
      <c r="B25" s="43"/>
      <c r="C25" s="46">
        <v>515695.77452669409</v>
      </c>
      <c r="D25" s="46">
        <v>491121.54102669406</v>
      </c>
      <c r="E25" s="46">
        <v>477586.14330669411</v>
      </c>
      <c r="F25" s="46">
        <v>467942.78330669401</v>
      </c>
      <c r="G25" s="46">
        <v>467942.78330669401</v>
      </c>
      <c r="H25" s="46">
        <v>490630.95208669401</v>
      </c>
      <c r="I25" s="46">
        <v>515205.18558669405</v>
      </c>
      <c r="J25" s="46">
        <v>528740.58330669405</v>
      </c>
      <c r="K25" s="46">
        <v>530981.14330669399</v>
      </c>
      <c r="L25" s="46">
        <v>519981.14330669399</v>
      </c>
      <c r="M25" s="46">
        <v>511295.77452669409</v>
      </c>
      <c r="N25" s="46">
        <v>-482950.18366421503</v>
      </c>
      <c r="O25" s="46">
        <v>-496485.58138421504</v>
      </c>
      <c r="P25" s="46">
        <v>-506128.94138421514</v>
      </c>
      <c r="Q25" s="46">
        <v>-495128.94138421514</v>
      </c>
      <c r="R25" s="46">
        <v>-479040.77260421496</v>
      </c>
      <c r="S25" s="46">
        <v>-454466.53910421499</v>
      </c>
      <c r="T25" s="46">
        <v>-440931.14138421509</v>
      </c>
      <c r="U25" s="46">
        <v>-438690.58138421504</v>
      </c>
      <c r="V25" s="46">
        <v>-438690.58138421504</v>
      </c>
    </row>
    <row r="26" spans="1:23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3">
      <c r="A27" s="39" t="s">
        <v>69</v>
      </c>
      <c r="B27" s="39"/>
      <c r="C27" s="40">
        <v>175336.563339076</v>
      </c>
      <c r="D27" s="40">
        <v>166981.323949076</v>
      </c>
      <c r="E27" s="40">
        <v>162379.288724276</v>
      </c>
      <c r="F27" s="40">
        <v>159100.54632427599</v>
      </c>
      <c r="G27" s="40">
        <v>159100.54632427599</v>
      </c>
      <c r="H27" s="40">
        <v>166814.52370947597</v>
      </c>
      <c r="I27" s="40">
        <v>175169.763099476</v>
      </c>
      <c r="J27" s="40">
        <v>179771.79832427599</v>
      </c>
      <c r="K27" s="40">
        <v>180533.58872427596</v>
      </c>
      <c r="L27" s="40">
        <v>176793.58872427596</v>
      </c>
      <c r="M27" s="40">
        <v>173840.563339076</v>
      </c>
      <c r="N27" s="40">
        <v>0</v>
      </c>
      <c r="O27" s="40">
        <v>0</v>
      </c>
      <c r="P27" s="40">
        <v>0</v>
      </c>
      <c r="Q27" s="40">
        <v>0</v>
      </c>
      <c r="R27" s="40">
        <v>0</v>
      </c>
      <c r="S27" s="40">
        <v>0</v>
      </c>
      <c r="T27" s="40">
        <v>0</v>
      </c>
      <c r="U27" s="40">
        <v>0</v>
      </c>
      <c r="V27" s="40">
        <v>0</v>
      </c>
    </row>
    <row r="28" spans="1:23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3">
      <c r="A29" s="43" t="s">
        <v>70</v>
      </c>
      <c r="B29" s="43"/>
      <c r="C29" s="46">
        <v>340359.21118761809</v>
      </c>
      <c r="D29" s="46">
        <v>324140.21707761806</v>
      </c>
      <c r="E29" s="46">
        <v>315206.85458241811</v>
      </c>
      <c r="F29" s="46">
        <v>308842.23698241799</v>
      </c>
      <c r="G29" s="46">
        <v>308842.23698241799</v>
      </c>
      <c r="H29" s="46">
        <v>323816.42837721808</v>
      </c>
      <c r="I29" s="46">
        <v>340035.42248721805</v>
      </c>
      <c r="J29" s="46">
        <v>348968.78498241806</v>
      </c>
      <c r="K29" s="46">
        <v>350447.55458241806</v>
      </c>
      <c r="L29" s="46">
        <v>343187.55458241806</v>
      </c>
      <c r="M29" s="46">
        <v>337455.21118761809</v>
      </c>
      <c r="N29" s="46">
        <v>-482950.18366421503</v>
      </c>
      <c r="O29" s="46">
        <v>-496485.58138421504</v>
      </c>
      <c r="P29" s="46">
        <v>-506128.94138421514</v>
      </c>
      <c r="Q29" s="46">
        <v>-495128.94138421514</v>
      </c>
      <c r="R29" s="46">
        <v>-479040.77260421496</v>
      </c>
      <c r="S29" s="46">
        <v>-454466.53910421499</v>
      </c>
      <c r="T29" s="46">
        <v>-440931.14138421509</v>
      </c>
      <c r="U29" s="46">
        <v>-438690.58138421504</v>
      </c>
      <c r="V29" s="46">
        <v>-438690.58138421504</v>
      </c>
    </row>
    <row r="30" spans="1:23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3">
      <c r="A31" s="39" t="s">
        <v>71</v>
      </c>
      <c r="B31" s="39"/>
      <c r="C31" s="40">
        <v>70621.746422424243</v>
      </c>
      <c r="D31" s="40">
        <v>95195.979922424231</v>
      </c>
      <c r="E31" s="40">
        <v>108731.37764242422</v>
      </c>
      <c r="F31" s="40">
        <v>110971.93764242422</v>
      </c>
      <c r="G31" s="40">
        <v>110971.93764242422</v>
      </c>
      <c r="H31" s="40">
        <v>88283.768862424244</v>
      </c>
      <c r="I31" s="40">
        <v>63709.535362424242</v>
      </c>
      <c r="J31" s="40">
        <v>50174.137642424233</v>
      </c>
      <c r="K31" s="40">
        <v>47933.577642424236</v>
      </c>
      <c r="L31" s="40">
        <v>58933.577642424236</v>
      </c>
      <c r="M31" s="40">
        <v>75021.746422424243</v>
      </c>
      <c r="N31" s="40">
        <v>1069267.7046133333</v>
      </c>
      <c r="O31" s="40">
        <v>1082803.1023333333</v>
      </c>
      <c r="P31" s="40">
        <v>1085043.6623333334</v>
      </c>
      <c r="Q31" s="40">
        <v>1074043.6623333334</v>
      </c>
      <c r="R31" s="40">
        <v>1057955.4935533332</v>
      </c>
      <c r="S31" s="40">
        <v>1033381.2600533332</v>
      </c>
      <c r="T31" s="40">
        <v>1019845.8623333334</v>
      </c>
      <c r="U31" s="40">
        <v>1017605.3023333333</v>
      </c>
      <c r="V31" s="40">
        <v>1017605.3023333333</v>
      </c>
    </row>
    <row r="32" spans="1:23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410980.9576100423</v>
      </c>
      <c r="D33" s="46">
        <v>419336.1970000423</v>
      </c>
      <c r="E33" s="46">
        <v>423938.2322248423</v>
      </c>
      <c r="F33" s="46">
        <v>419814.17462484224</v>
      </c>
      <c r="G33" s="46">
        <v>419814.17462484224</v>
      </c>
      <c r="H33" s="46">
        <v>412100.19723964232</v>
      </c>
      <c r="I33" s="46">
        <v>403744.95784964226</v>
      </c>
      <c r="J33" s="46">
        <v>399142.92262484226</v>
      </c>
      <c r="K33" s="46">
        <v>398381.13222484232</v>
      </c>
      <c r="L33" s="46">
        <v>402121.13222484232</v>
      </c>
      <c r="M33" s="46">
        <v>412476.9576100423</v>
      </c>
      <c r="N33" s="46">
        <v>586317.5209491183</v>
      </c>
      <c r="O33" s="46">
        <v>586317.5209491183</v>
      </c>
      <c r="P33" s="46">
        <v>578914.72094911826</v>
      </c>
      <c r="Q33" s="46">
        <v>578914.72094911826</v>
      </c>
      <c r="R33" s="46">
        <v>578914.72094911826</v>
      </c>
      <c r="S33" s="46">
        <v>578914.72094911826</v>
      </c>
      <c r="T33" s="46">
        <v>578914.72094911826</v>
      </c>
      <c r="U33" s="46">
        <v>578914.72094911826</v>
      </c>
      <c r="V33" s="46">
        <v>578914.72094911826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592117.7541404221</v>
      </c>
      <c r="C35" s="45">
        <v>80440.843899999993</v>
      </c>
      <c r="D35" s="45">
        <v>122871.1675</v>
      </c>
      <c r="E35" s="45">
        <v>67676.988600000012</v>
      </c>
      <c r="F35" s="45">
        <v>11202.8</v>
      </c>
      <c r="G35" s="45">
        <v>0</v>
      </c>
      <c r="H35" s="45">
        <v>0</v>
      </c>
      <c r="I35" s="45">
        <v>0</v>
      </c>
      <c r="J35" s="45">
        <v>0</v>
      </c>
      <c r="K35" s="45">
        <v>0</v>
      </c>
      <c r="L35" s="45">
        <v>55000</v>
      </c>
      <c r="M35" s="45">
        <v>80440.843899999993</v>
      </c>
      <c r="N35" s="45">
        <v>9280317.1675000004</v>
      </c>
      <c r="O35" s="45">
        <v>67676.988600000012</v>
      </c>
      <c r="P35" s="45">
        <v>11202.8</v>
      </c>
      <c r="Q35" s="45">
        <v>0</v>
      </c>
      <c r="R35" s="45">
        <v>0</v>
      </c>
      <c r="S35" s="45">
        <v>0</v>
      </c>
      <c r="T35" s="45">
        <v>0</v>
      </c>
      <c r="U35" s="45">
        <v>0</v>
      </c>
      <c r="V35" s="45">
        <v>-28302.625740422154</v>
      </c>
    </row>
    <row r="36" spans="1:22">
      <c r="A36" s="47" t="s">
        <v>74</v>
      </c>
      <c r="B36" s="46">
        <v>526045.02839999995</v>
      </c>
      <c r="C36" s="46"/>
      <c r="D36" s="46"/>
      <c r="E36" s="46"/>
      <c r="F36" s="46"/>
      <c r="G36" s="46"/>
      <c r="H36" s="46"/>
      <c r="I36" s="46"/>
      <c r="J36" s="46"/>
      <c r="K36" s="46"/>
      <c r="L36" s="46"/>
      <c r="M36" s="46"/>
      <c r="N36" s="46">
        <v>9157446</v>
      </c>
      <c r="O36" s="46"/>
      <c r="P36" s="46"/>
      <c r="Q36" s="46"/>
      <c r="R36" s="46"/>
      <c r="S36" s="46"/>
      <c r="T36" s="46"/>
      <c r="U36" s="46"/>
      <c r="V36" s="46"/>
    </row>
    <row r="37" spans="1:22">
      <c r="A37" s="48" t="s">
        <v>75</v>
      </c>
      <c r="B37" s="40">
        <v>33000</v>
      </c>
      <c r="C37" s="40">
        <v>80440.843899999993</v>
      </c>
      <c r="D37" s="40">
        <v>122871.1675</v>
      </c>
      <c r="E37" s="40">
        <v>67676.988600000012</v>
      </c>
      <c r="F37" s="40">
        <v>11202.8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55000</v>
      </c>
      <c r="M37" s="40">
        <v>80440.843899999993</v>
      </c>
      <c r="N37" s="40">
        <v>122871.1675</v>
      </c>
      <c r="O37" s="40">
        <v>67676.988600000012</v>
      </c>
      <c r="P37" s="40">
        <v>11202.8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4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28302.625740422154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28302.625740422154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0</v>
      </c>
      <c r="D41" s="44">
        <v>0</v>
      </c>
      <c r="E41" s="44">
        <v>0</v>
      </c>
      <c r="F41" s="44">
        <v>0</v>
      </c>
      <c r="G41" s="44">
        <v>0</v>
      </c>
      <c r="H41" s="44">
        <v>0</v>
      </c>
      <c r="I41" s="44">
        <v>0</v>
      </c>
      <c r="J41" s="44">
        <v>0</v>
      </c>
      <c r="K41" s="44">
        <v>0</v>
      </c>
      <c r="L41" s="44">
        <v>0</v>
      </c>
      <c r="M41" s="44">
        <v>0</v>
      </c>
      <c r="N41" s="44">
        <v>0</v>
      </c>
      <c r="O41" s="44">
        <v>0</v>
      </c>
      <c r="P41" s="44">
        <v>0</v>
      </c>
      <c r="Q41" s="44">
        <v>0</v>
      </c>
      <c r="R41" s="44">
        <v>0</v>
      </c>
      <c r="S41" s="44">
        <v>0</v>
      </c>
      <c r="T41" s="44">
        <v>0</v>
      </c>
      <c r="U41" s="44">
        <v>0</v>
      </c>
      <c r="V41" s="44">
        <v>2544.0533333333337</v>
      </c>
    </row>
    <row r="42" spans="1:22">
      <c r="A42" s="39" t="s">
        <v>79</v>
      </c>
      <c r="B42" s="39"/>
      <c r="C42" s="45">
        <v>0</v>
      </c>
      <c r="D42" s="45">
        <v>0</v>
      </c>
      <c r="E42" s="45">
        <v>0</v>
      </c>
      <c r="F42" s="45">
        <v>0</v>
      </c>
      <c r="G42" s="45">
        <v>0</v>
      </c>
      <c r="H42" s="45">
        <v>0</v>
      </c>
      <c r="I42" s="45">
        <v>0</v>
      </c>
      <c r="J42" s="45">
        <v>0</v>
      </c>
      <c r="K42" s="45">
        <v>0</v>
      </c>
      <c r="L42" s="45">
        <v>0</v>
      </c>
      <c r="M42" s="45">
        <v>0</v>
      </c>
      <c r="N42" s="45">
        <v>0</v>
      </c>
      <c r="O42" s="45">
        <v>0</v>
      </c>
      <c r="P42" s="45">
        <v>0</v>
      </c>
      <c r="Q42" s="45">
        <v>0</v>
      </c>
      <c r="R42" s="45">
        <v>0</v>
      </c>
      <c r="S42" s="45">
        <v>0</v>
      </c>
      <c r="T42" s="45">
        <v>0</v>
      </c>
      <c r="U42" s="45">
        <v>0</v>
      </c>
      <c r="V42" s="45">
        <v>0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4">
        <v>0</v>
      </c>
      <c r="M43" s="43">
        <v>0</v>
      </c>
      <c r="N43" s="43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592117.7541404221</v>
      </c>
      <c r="C45" s="51">
        <v>330540.11371004232</v>
      </c>
      <c r="D45" s="51">
        <v>296465.02950004232</v>
      </c>
      <c r="E45" s="51">
        <v>356261.24362484226</v>
      </c>
      <c r="F45" s="51">
        <v>408611.37462484225</v>
      </c>
      <c r="G45" s="51">
        <v>419814.17462484224</v>
      </c>
      <c r="H45" s="51">
        <v>412100.19723964232</v>
      </c>
      <c r="I45" s="51">
        <v>403744.95784964226</v>
      </c>
      <c r="J45" s="51">
        <v>399142.92262484226</v>
      </c>
      <c r="K45" s="51">
        <v>398381.13222484232</v>
      </c>
      <c r="L45" s="51">
        <v>347121.13222484232</v>
      </c>
      <c r="M45" s="51">
        <v>332036.11371004232</v>
      </c>
      <c r="N45" s="51">
        <v>-8693999.6465508826</v>
      </c>
      <c r="O45" s="51">
        <v>518640.53234911826</v>
      </c>
      <c r="P45" s="51">
        <v>567711.92094911821</v>
      </c>
      <c r="Q45" s="51">
        <v>578914.72094911826</v>
      </c>
      <c r="R45" s="51">
        <v>578914.72094911826</v>
      </c>
      <c r="S45" s="51">
        <v>578914.72094911826</v>
      </c>
      <c r="T45" s="51">
        <v>578914.72094911826</v>
      </c>
      <c r="U45" s="51">
        <v>578914.72094911826</v>
      </c>
      <c r="V45" s="51">
        <v>609761.40002287377</v>
      </c>
    </row>
    <row r="46" spans="1:22">
      <c r="A46" s="39"/>
      <c r="B46" s="39"/>
      <c r="C46" s="39"/>
      <c r="D46" s="39"/>
      <c r="E46" s="39"/>
      <c r="F46" s="39"/>
      <c r="G46" s="39"/>
      <c r="H46" s="39"/>
      <c r="I46" s="39"/>
      <c r="J46" s="39"/>
      <c r="K46" s="39"/>
      <c r="L46" s="39"/>
      <c r="M46" s="39"/>
      <c r="N46" s="39"/>
      <c r="O46" s="39"/>
      <c r="P46" s="39"/>
      <c r="Q46" s="39"/>
      <c r="R46" s="39"/>
      <c r="S46" s="39"/>
      <c r="T46" s="39"/>
      <c r="U46" s="39"/>
      <c r="V46" s="39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 ht="11.25" customHeight="1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70621.746422424243</v>
      </c>
      <c r="D55" s="57">
        <v>95195.979922424231</v>
      </c>
      <c r="E55" s="57">
        <v>108731.37764242422</v>
      </c>
      <c r="F55" s="57">
        <v>110971.93764242422</v>
      </c>
      <c r="G55" s="57">
        <v>110971.93764242422</v>
      </c>
      <c r="H55" s="57">
        <v>88283.768862424244</v>
      </c>
      <c r="I55" s="57">
        <v>63709.535362424242</v>
      </c>
      <c r="J55" s="57">
        <v>50174.137642424233</v>
      </c>
      <c r="K55" s="57">
        <v>47933.577642424236</v>
      </c>
      <c r="L55" s="57">
        <v>58933.577642424236</v>
      </c>
      <c r="M55" s="57">
        <v>75021.746422424243</v>
      </c>
      <c r="N55" s="57">
        <v>1069267.7046133333</v>
      </c>
      <c r="O55" s="57">
        <v>1082803.1023333333</v>
      </c>
      <c r="P55" s="57">
        <v>1085043.6623333334</v>
      </c>
      <c r="Q55" s="57">
        <v>1074043.6623333334</v>
      </c>
      <c r="R55" s="57">
        <v>1057955.4935533332</v>
      </c>
      <c r="S55" s="57">
        <v>1033381.2600533332</v>
      </c>
      <c r="T55" s="57">
        <v>1019845.8623333334</v>
      </c>
      <c r="U55" s="57">
        <v>1017605.3023333333</v>
      </c>
      <c r="V55" s="57">
        <v>1017605.3023333333</v>
      </c>
    </row>
    <row r="56" spans="1:22">
      <c r="A56" s="60" t="s">
        <v>83</v>
      </c>
      <c r="B56" s="61"/>
      <c r="C56" s="63">
        <v>47822.275309090903</v>
      </c>
      <c r="D56" s="63">
        <v>47822.275309090903</v>
      </c>
      <c r="E56" s="63">
        <v>47822.275309090903</v>
      </c>
      <c r="F56" s="63">
        <v>47822.275309090903</v>
      </c>
      <c r="G56" s="63">
        <v>47822.275309090903</v>
      </c>
      <c r="H56" s="63">
        <v>47822.275309090903</v>
      </c>
      <c r="I56" s="63">
        <v>47822.275309090903</v>
      </c>
      <c r="J56" s="63">
        <v>47822.275309090903</v>
      </c>
      <c r="K56" s="63">
        <v>47822.275309090903</v>
      </c>
      <c r="L56" s="63">
        <v>47822.275309090903</v>
      </c>
      <c r="M56" s="63">
        <v>47822.275309090903</v>
      </c>
      <c r="N56" s="63">
        <v>1017494</v>
      </c>
      <c r="O56" s="63">
        <v>1017494</v>
      </c>
      <c r="P56" s="63">
        <v>1017494</v>
      </c>
      <c r="Q56" s="63">
        <v>1017494</v>
      </c>
      <c r="R56" s="63">
        <v>1017494</v>
      </c>
      <c r="S56" s="63">
        <v>1017494</v>
      </c>
      <c r="T56" s="63">
        <v>1017494</v>
      </c>
      <c r="U56" s="63">
        <v>1017494</v>
      </c>
      <c r="V56" s="64">
        <v>1017494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2688.16878</v>
      </c>
      <c r="D58" s="71">
        <v>47262.402279999995</v>
      </c>
      <c r="E58" s="71">
        <v>60797.799999999996</v>
      </c>
      <c r="F58" s="71">
        <v>63038.359999999993</v>
      </c>
      <c r="G58" s="71">
        <v>63038.359999999993</v>
      </c>
      <c r="H58" s="71">
        <v>40350.191220000001</v>
      </c>
      <c r="I58" s="71">
        <v>15775.957720000002</v>
      </c>
      <c r="J58" s="71">
        <v>2240.56</v>
      </c>
      <c r="K58" s="71">
        <v>0</v>
      </c>
      <c r="L58" s="71">
        <v>11000</v>
      </c>
      <c r="M58" s="71">
        <v>27088.16878</v>
      </c>
      <c r="N58" s="71">
        <v>51662.402279999995</v>
      </c>
      <c r="O58" s="71">
        <v>65197.8</v>
      </c>
      <c r="P58" s="71">
        <v>67438.36</v>
      </c>
      <c r="Q58" s="71">
        <v>56438.36</v>
      </c>
      <c r="R58" s="71">
        <v>40350.191220000001</v>
      </c>
      <c r="S58" s="71">
        <v>15775.957720000002</v>
      </c>
      <c r="T58" s="71">
        <v>2240.56</v>
      </c>
      <c r="U58" s="71">
        <v>0</v>
      </c>
      <c r="V58" s="72">
        <v>0</v>
      </c>
    </row>
    <row r="81" spans="11:11" ht="12.75">
      <c r="K81" s="103" t="s">
        <v>121</v>
      </c>
    </row>
  </sheetData>
  <pageMargins left="0.17" right="0.51181102362204722" top="0.36" bottom="0.78740157480314965" header="0.31496062992125984" footer="0.31496062992125984"/>
  <pageSetup paperSize="9" scale="55" orientation="landscape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>
  <sheetPr codeName="Plan24"/>
  <dimension ref="A1:V80"/>
  <sheetViews>
    <sheetView tabSelected="1" view="pageBreakPreview" topLeftCell="A19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30" customHeight="1">
      <c r="A1" s="82" t="s">
        <v>136</v>
      </c>
    </row>
    <row r="4" spans="1:22" ht="18">
      <c r="A4" s="82" t="s">
        <v>143</v>
      </c>
    </row>
    <row r="5" spans="1:22" ht="15.75">
      <c r="A5" s="87" t="s">
        <v>137</v>
      </c>
    </row>
    <row r="6" spans="1:22" ht="15.75">
      <c r="A6" s="87" t="s">
        <v>101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2">
        <v>28061.599999999398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18200.170658756811</v>
      </c>
    </row>
    <row r="11" spans="1:22" ht="12.75">
      <c r="A11" s="91" t="s">
        <v>59</v>
      </c>
      <c r="B11" s="92"/>
      <c r="C11" s="99">
        <v>7754.4830119999997</v>
      </c>
    </row>
    <row r="12" spans="1:22" ht="12.75">
      <c r="A12" s="91" t="s">
        <v>60</v>
      </c>
      <c r="B12" s="92"/>
      <c r="C12" s="100">
        <v>10445.687646756811</v>
      </c>
    </row>
    <row r="13" spans="1:22" ht="12.75">
      <c r="A13" s="91" t="s">
        <v>61</v>
      </c>
      <c r="B13" s="92"/>
      <c r="C13" s="99">
        <v>4006.7999999999997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27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3367391.9999999283</v>
      </c>
      <c r="D17" s="40">
        <v>3367391.9999999283</v>
      </c>
      <c r="E17" s="40">
        <v>3367391.9999999283</v>
      </c>
      <c r="F17" s="40">
        <v>3367391.9999999283</v>
      </c>
      <c r="G17" s="40">
        <v>3367391.9999999283</v>
      </c>
      <c r="H17" s="40">
        <v>3367391.9999999283</v>
      </c>
      <c r="I17" s="40">
        <v>3367391.9999999283</v>
      </c>
      <c r="J17" s="40">
        <v>3367391.9999999283</v>
      </c>
      <c r="K17" s="40">
        <v>3367391.9999999283</v>
      </c>
      <c r="L17" s="40">
        <v>3367391.9999999283</v>
      </c>
      <c r="M17" s="40">
        <v>3367391.9999999283</v>
      </c>
      <c r="N17" s="40">
        <v>3367391.9999999283</v>
      </c>
      <c r="O17" s="40">
        <v>3367391.9999999283</v>
      </c>
      <c r="P17" s="40">
        <v>3367391.9999999283</v>
      </c>
      <c r="Q17" s="40">
        <v>3367391.9999999283</v>
      </c>
      <c r="R17" s="40">
        <v>3367391.9999999283</v>
      </c>
      <c r="S17" s="40">
        <v>3367391.9999999283</v>
      </c>
      <c r="T17" s="40">
        <v>3367391.9999999283</v>
      </c>
      <c r="U17" s="40">
        <v>3367391.9999999283</v>
      </c>
      <c r="V17" s="40">
        <v>3367391.9999999283</v>
      </c>
    </row>
    <row r="18" spans="1:22">
      <c r="A18" s="43" t="s">
        <v>64</v>
      </c>
      <c r="B18" s="43"/>
      <c r="C18" s="44">
        <v>67347.83999999857</v>
      </c>
      <c r="D18" s="44">
        <v>67347.83999999857</v>
      </c>
      <c r="E18" s="44">
        <v>67347.83999999857</v>
      </c>
      <c r="F18" s="44">
        <v>67347.83999999857</v>
      </c>
      <c r="G18" s="44">
        <v>67347.83999999857</v>
      </c>
      <c r="H18" s="44">
        <v>67347.83999999857</v>
      </c>
      <c r="I18" s="44">
        <v>67347.83999999857</v>
      </c>
      <c r="J18" s="44">
        <v>67347.83999999857</v>
      </c>
      <c r="K18" s="44">
        <v>67347.83999999857</v>
      </c>
      <c r="L18" s="44">
        <v>67347.83999999857</v>
      </c>
      <c r="M18" s="44">
        <v>67347.83999999857</v>
      </c>
      <c r="N18" s="44">
        <v>67347.83999999857</v>
      </c>
      <c r="O18" s="44">
        <v>67347.83999999857</v>
      </c>
      <c r="P18" s="44">
        <v>67347.83999999857</v>
      </c>
      <c r="Q18" s="44">
        <v>67347.83999999857</v>
      </c>
      <c r="R18" s="44">
        <v>67347.83999999857</v>
      </c>
      <c r="S18" s="44">
        <v>67347.83999999857</v>
      </c>
      <c r="T18" s="44">
        <v>67347.83999999857</v>
      </c>
      <c r="U18" s="44">
        <v>67347.83999999857</v>
      </c>
      <c r="V18" s="44">
        <v>67347.83999999857</v>
      </c>
    </row>
    <row r="19" spans="1:22">
      <c r="A19" s="39" t="s">
        <v>65</v>
      </c>
      <c r="B19" s="39"/>
      <c r="C19" s="45">
        <v>3300044.1599999298</v>
      </c>
      <c r="D19" s="45">
        <v>3300044.1599999298</v>
      </c>
      <c r="E19" s="45">
        <v>3300044.1599999298</v>
      </c>
      <c r="F19" s="45">
        <v>3300044.1599999298</v>
      </c>
      <c r="G19" s="45">
        <v>3300044.1599999298</v>
      </c>
      <c r="H19" s="45">
        <v>3300044.1599999298</v>
      </c>
      <c r="I19" s="45">
        <v>3300044.1599999298</v>
      </c>
      <c r="J19" s="45">
        <v>3300044.1599999298</v>
      </c>
      <c r="K19" s="45">
        <v>3300044.1599999298</v>
      </c>
      <c r="L19" s="45">
        <v>3300044.1599999298</v>
      </c>
      <c r="M19" s="45">
        <v>3300044.1599999298</v>
      </c>
      <c r="N19" s="45">
        <v>3300044.1599999298</v>
      </c>
      <c r="O19" s="45">
        <v>3300044.1599999298</v>
      </c>
      <c r="P19" s="45">
        <v>3300044.1599999298</v>
      </c>
      <c r="Q19" s="45">
        <v>3300044.1599999298</v>
      </c>
      <c r="R19" s="45">
        <v>3300044.1599999298</v>
      </c>
      <c r="S19" s="45">
        <v>3300044.1599999298</v>
      </c>
      <c r="T19" s="45">
        <v>3300044.1599999298</v>
      </c>
      <c r="U19" s="45">
        <v>3300044.1599999298</v>
      </c>
      <c r="V19" s="45">
        <v>3300044.1599999298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2231091.6790508172</v>
      </c>
      <c r="D21" s="44">
        <v>2231091.6790508172</v>
      </c>
      <c r="E21" s="44">
        <v>2231091.6790508172</v>
      </c>
      <c r="F21" s="44">
        <v>2238494.479050817</v>
      </c>
      <c r="G21" s="44">
        <v>2238494.479050817</v>
      </c>
      <c r="H21" s="44">
        <v>2238494.479050817</v>
      </c>
      <c r="I21" s="44">
        <v>2238494.479050817</v>
      </c>
      <c r="J21" s="44">
        <v>2238494.479050817</v>
      </c>
      <c r="K21" s="44">
        <v>2238494.479050817</v>
      </c>
      <c r="L21" s="44">
        <v>2238494.479050817</v>
      </c>
      <c r="M21" s="46">
        <v>2231091.6790508172</v>
      </c>
      <c r="N21" s="46">
        <v>2231091.6790508172</v>
      </c>
      <c r="O21" s="46">
        <v>2231091.6790508172</v>
      </c>
      <c r="P21" s="46">
        <v>2238494.479050817</v>
      </c>
      <c r="Q21" s="46">
        <v>2238494.479050817</v>
      </c>
      <c r="R21" s="46">
        <v>2238494.479050817</v>
      </c>
      <c r="S21" s="46">
        <v>2238494.479050817</v>
      </c>
      <c r="T21" s="46">
        <v>2238494.479050817</v>
      </c>
      <c r="U21" s="46">
        <v>2238494.479050817</v>
      </c>
      <c r="V21" s="46">
        <v>2238494.479050817</v>
      </c>
    </row>
    <row r="22" spans="1:22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74">
        <v>406563.14777696971</v>
      </c>
      <c r="D23" s="74">
        <v>431137.38127696968</v>
      </c>
      <c r="E23" s="74">
        <v>444672.77899696969</v>
      </c>
      <c r="F23" s="74">
        <v>446913.33899696969</v>
      </c>
      <c r="G23" s="74">
        <v>446913.33899696969</v>
      </c>
      <c r="H23" s="74">
        <v>424225.17021696968</v>
      </c>
      <c r="I23" s="74">
        <v>399650.93671696971</v>
      </c>
      <c r="J23" s="74">
        <v>386115.5389969697</v>
      </c>
      <c r="K23" s="74">
        <v>383874.9789969697</v>
      </c>
      <c r="L23" s="74">
        <v>394874.9789969697</v>
      </c>
      <c r="M23" s="74">
        <v>410963.14777696971</v>
      </c>
      <c r="N23" s="74">
        <v>1234350.4035133333</v>
      </c>
      <c r="O23" s="74">
        <v>1247885.8012333333</v>
      </c>
      <c r="P23" s="74">
        <v>1250126.3612333334</v>
      </c>
      <c r="Q23" s="74">
        <v>1837164.1623333334</v>
      </c>
      <c r="R23" s="74">
        <v>1821075.9935533332</v>
      </c>
      <c r="S23" s="74">
        <v>1796501.7600533334</v>
      </c>
      <c r="T23" s="74">
        <v>1782966.3623333334</v>
      </c>
      <c r="U23" s="74">
        <v>1780725.8023333333</v>
      </c>
      <c r="V23" s="74">
        <v>1780725.8023333333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662389.33317214297</v>
      </c>
      <c r="D25" s="46">
        <v>637815.099672143</v>
      </c>
      <c r="E25" s="46">
        <v>624279.70195214299</v>
      </c>
      <c r="F25" s="46">
        <v>614636.34195214324</v>
      </c>
      <c r="G25" s="46">
        <v>614636.34195214324</v>
      </c>
      <c r="H25" s="46">
        <v>637324.51073214319</v>
      </c>
      <c r="I25" s="46">
        <v>661898.74423214316</v>
      </c>
      <c r="J25" s="46">
        <v>675434.14195214317</v>
      </c>
      <c r="K25" s="46">
        <v>677674.70195214311</v>
      </c>
      <c r="L25" s="46">
        <v>666674.70195214311</v>
      </c>
      <c r="M25" s="46">
        <v>657989.33317214297</v>
      </c>
      <c r="N25" s="46">
        <v>-165397.92256422061</v>
      </c>
      <c r="O25" s="46">
        <v>-178933.32028422062</v>
      </c>
      <c r="P25" s="46">
        <v>-188576.68028422049</v>
      </c>
      <c r="Q25" s="46">
        <v>-775614.48138422053</v>
      </c>
      <c r="R25" s="46">
        <v>-759526.31260422035</v>
      </c>
      <c r="S25" s="46">
        <v>-734952.07910422049</v>
      </c>
      <c r="T25" s="46">
        <v>-721416.68138422049</v>
      </c>
      <c r="U25" s="46">
        <v>-719176.12138422043</v>
      </c>
      <c r="V25" s="46">
        <v>-719176.12138422043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225212.37327852863</v>
      </c>
      <c r="D27" s="40">
        <v>216857.13388852862</v>
      </c>
      <c r="E27" s="40">
        <v>212255.09866372863</v>
      </c>
      <c r="F27" s="40">
        <v>208976.35626372873</v>
      </c>
      <c r="G27" s="40">
        <v>208976.35626372873</v>
      </c>
      <c r="H27" s="40">
        <v>216690.3336489287</v>
      </c>
      <c r="I27" s="40">
        <v>225045.57303892868</v>
      </c>
      <c r="J27" s="40">
        <v>229647.6082637287</v>
      </c>
      <c r="K27" s="40">
        <v>230409.39866372867</v>
      </c>
      <c r="L27" s="40">
        <v>226669.39866372867</v>
      </c>
      <c r="M27" s="40">
        <v>223716.37327852863</v>
      </c>
      <c r="N27" s="40">
        <v>0</v>
      </c>
      <c r="O27" s="40">
        <v>0</v>
      </c>
      <c r="P27" s="40">
        <v>0</v>
      </c>
      <c r="Q27" s="40">
        <v>0</v>
      </c>
      <c r="R27" s="40">
        <v>0</v>
      </c>
      <c r="S27" s="40">
        <v>0</v>
      </c>
      <c r="T27" s="40">
        <v>0</v>
      </c>
      <c r="U27" s="40">
        <v>0</v>
      </c>
      <c r="V27" s="40">
        <v>0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437176.95989361434</v>
      </c>
      <c r="D29" s="46">
        <v>420957.96578361437</v>
      </c>
      <c r="E29" s="46">
        <v>412024.60328841436</v>
      </c>
      <c r="F29" s="46">
        <v>405659.98568841454</v>
      </c>
      <c r="G29" s="46">
        <v>405659.98568841454</v>
      </c>
      <c r="H29" s="46">
        <v>420634.17708321451</v>
      </c>
      <c r="I29" s="46">
        <v>436853.17119321448</v>
      </c>
      <c r="J29" s="46">
        <v>445786.53368841449</v>
      </c>
      <c r="K29" s="46">
        <v>447265.30328841443</v>
      </c>
      <c r="L29" s="46">
        <v>440005.30328841443</v>
      </c>
      <c r="M29" s="46">
        <v>434272.95989361434</v>
      </c>
      <c r="N29" s="46">
        <v>-165397.92256422061</v>
      </c>
      <c r="O29" s="46">
        <v>-178933.32028422062</v>
      </c>
      <c r="P29" s="46">
        <v>-188576.68028422049</v>
      </c>
      <c r="Q29" s="46">
        <v>-775614.48138422053</v>
      </c>
      <c r="R29" s="46">
        <v>-759526.31260422035</v>
      </c>
      <c r="S29" s="46">
        <v>-734952.07910422049</v>
      </c>
      <c r="T29" s="46">
        <v>-721416.68138422049</v>
      </c>
      <c r="U29" s="46">
        <v>-719176.12138422043</v>
      </c>
      <c r="V29" s="46">
        <v>-719176.12138422043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406563.14777696971</v>
      </c>
      <c r="D31" s="40">
        <v>431137.38127696968</v>
      </c>
      <c r="E31" s="40">
        <v>444672.77899696969</v>
      </c>
      <c r="F31" s="40">
        <v>446913.33899696969</v>
      </c>
      <c r="G31" s="40">
        <v>446913.33899696969</v>
      </c>
      <c r="H31" s="40">
        <v>424225.17021696968</v>
      </c>
      <c r="I31" s="40">
        <v>399650.93671696971</v>
      </c>
      <c r="J31" s="40">
        <v>386115.5389969697</v>
      </c>
      <c r="K31" s="40">
        <v>383874.9789969697</v>
      </c>
      <c r="L31" s="40">
        <v>394874.9789969697</v>
      </c>
      <c r="M31" s="40">
        <v>410963.14777696971</v>
      </c>
      <c r="N31" s="40">
        <v>1234350.4035133333</v>
      </c>
      <c r="O31" s="40">
        <v>1247885.8012333333</v>
      </c>
      <c r="P31" s="40">
        <v>1250126.3612333334</v>
      </c>
      <c r="Q31" s="40">
        <v>1837164.1623333334</v>
      </c>
      <c r="R31" s="40">
        <v>1821075.9935533332</v>
      </c>
      <c r="S31" s="40">
        <v>1796501.7600533334</v>
      </c>
      <c r="T31" s="40">
        <v>1782966.3623333334</v>
      </c>
      <c r="U31" s="40">
        <v>1780725.8023333333</v>
      </c>
      <c r="V31" s="40">
        <v>1780725.8023333333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843740.107670584</v>
      </c>
      <c r="D33" s="46">
        <v>852095.347060584</v>
      </c>
      <c r="E33" s="46">
        <v>856697.382285384</v>
      </c>
      <c r="F33" s="46">
        <v>852573.32468538429</v>
      </c>
      <c r="G33" s="46">
        <v>852573.32468538429</v>
      </c>
      <c r="H33" s="46">
        <v>844859.34730018419</v>
      </c>
      <c r="I33" s="46">
        <v>836504.10791018419</v>
      </c>
      <c r="J33" s="46">
        <v>831902.07268538419</v>
      </c>
      <c r="K33" s="46">
        <v>831140.28228538414</v>
      </c>
      <c r="L33" s="46">
        <v>834880.28228538414</v>
      </c>
      <c r="M33" s="46">
        <v>845236.107670584</v>
      </c>
      <c r="N33" s="46">
        <v>1068952.4809491127</v>
      </c>
      <c r="O33" s="46">
        <v>1068952.4809491127</v>
      </c>
      <c r="P33" s="46">
        <v>1061549.6809491129</v>
      </c>
      <c r="Q33" s="46">
        <v>1061549.6809491129</v>
      </c>
      <c r="R33" s="46">
        <v>1061549.6809491129</v>
      </c>
      <c r="S33" s="46">
        <v>1061549.6809491129</v>
      </c>
      <c r="T33" s="46">
        <v>1061549.6809491129</v>
      </c>
      <c r="U33" s="46">
        <v>1061549.6809491129</v>
      </c>
      <c r="V33" s="46">
        <v>1061549.6809491129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4784981.5397130242</v>
      </c>
      <c r="C35" s="45">
        <v>80440.843899999993</v>
      </c>
      <c r="D35" s="45">
        <v>122871.1675</v>
      </c>
      <c r="E35" s="45">
        <v>67676.988600000012</v>
      </c>
      <c r="F35" s="45">
        <v>11202.8</v>
      </c>
      <c r="G35" s="45">
        <v>0</v>
      </c>
      <c r="H35" s="45">
        <v>0</v>
      </c>
      <c r="I35" s="45">
        <v>0</v>
      </c>
      <c r="J35" s="45">
        <v>0</v>
      </c>
      <c r="K35" s="45">
        <v>0</v>
      </c>
      <c r="L35" s="45">
        <v>55000</v>
      </c>
      <c r="M35" s="45">
        <v>80440.843899999993</v>
      </c>
      <c r="N35" s="45">
        <v>4701594.1675000004</v>
      </c>
      <c r="O35" s="45">
        <v>67676.988600000012</v>
      </c>
      <c r="P35" s="45">
        <v>11202.8</v>
      </c>
      <c r="Q35" s="45">
        <v>4578723</v>
      </c>
      <c r="R35" s="45">
        <v>0</v>
      </c>
      <c r="S35" s="45">
        <v>0</v>
      </c>
      <c r="T35" s="45">
        <v>0</v>
      </c>
      <c r="U35" s="45">
        <v>0</v>
      </c>
      <c r="V35" s="45">
        <v>-30562.899713024894</v>
      </c>
    </row>
    <row r="36" spans="1:22">
      <c r="A36" s="47" t="s">
        <v>74</v>
      </c>
      <c r="B36" s="46">
        <v>4716648.54</v>
      </c>
      <c r="C36" s="46"/>
      <c r="D36" s="46"/>
      <c r="E36" s="46"/>
      <c r="F36" s="46"/>
      <c r="G36" s="46"/>
      <c r="H36" s="46"/>
      <c r="I36" s="46"/>
      <c r="J36" s="46"/>
      <c r="K36" s="46"/>
      <c r="L36" s="46"/>
      <c r="M36" s="46"/>
      <c r="N36" s="46">
        <v>4578723</v>
      </c>
      <c r="O36" s="46">
        <v>0</v>
      </c>
      <c r="P36" s="46">
        <v>0</v>
      </c>
      <c r="Q36" s="46">
        <v>4578723</v>
      </c>
      <c r="R36" s="46">
        <v>0</v>
      </c>
      <c r="S36" s="46"/>
      <c r="T36" s="46"/>
      <c r="U36" s="46"/>
      <c r="V36" s="46"/>
    </row>
    <row r="37" spans="1:22">
      <c r="A37" s="48" t="s">
        <v>75</v>
      </c>
      <c r="B37" s="40">
        <v>33000</v>
      </c>
      <c r="C37" s="40">
        <v>80440.843899999993</v>
      </c>
      <c r="D37" s="40">
        <v>122871.1675</v>
      </c>
      <c r="E37" s="40">
        <v>67676.988600000012</v>
      </c>
      <c r="F37" s="40">
        <v>11202.8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55000</v>
      </c>
      <c r="M37" s="40">
        <v>80440.843899999993</v>
      </c>
      <c r="N37" s="40">
        <v>122871.1675</v>
      </c>
      <c r="O37" s="40">
        <v>67676.988600000012</v>
      </c>
      <c r="P37" s="40">
        <v>11202.8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4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30562.899713024894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30562.899713024894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0</v>
      </c>
      <c r="D41" s="44">
        <v>0</v>
      </c>
      <c r="E41" s="44">
        <v>0</v>
      </c>
      <c r="F41" s="44">
        <v>0</v>
      </c>
      <c r="G41" s="44">
        <v>0</v>
      </c>
      <c r="H41" s="44">
        <v>0</v>
      </c>
      <c r="I41" s="44">
        <v>0</v>
      </c>
      <c r="J41" s="44">
        <v>0</v>
      </c>
      <c r="K41" s="44">
        <v>0</v>
      </c>
      <c r="L41" s="44">
        <v>0</v>
      </c>
      <c r="M41" s="44">
        <v>0</v>
      </c>
      <c r="N41" s="44">
        <v>0</v>
      </c>
      <c r="O41" s="44">
        <v>0</v>
      </c>
      <c r="P41" s="44">
        <v>0</v>
      </c>
      <c r="Q41" s="44">
        <v>0</v>
      </c>
      <c r="R41" s="44">
        <v>0</v>
      </c>
      <c r="S41" s="44">
        <v>0</v>
      </c>
      <c r="T41" s="44">
        <v>0</v>
      </c>
      <c r="U41" s="44">
        <v>0</v>
      </c>
      <c r="V41" s="44">
        <v>2544.0533333333337</v>
      </c>
    </row>
    <row r="42" spans="1:22">
      <c r="A42" s="39" t="s">
        <v>79</v>
      </c>
      <c r="B42" s="39"/>
      <c r="C42" s="45">
        <v>0</v>
      </c>
      <c r="D42" s="45">
        <v>0</v>
      </c>
      <c r="E42" s="45">
        <v>0</v>
      </c>
      <c r="F42" s="45">
        <v>0</v>
      </c>
      <c r="G42" s="45">
        <v>0</v>
      </c>
      <c r="H42" s="45">
        <v>0</v>
      </c>
      <c r="I42" s="45">
        <v>0</v>
      </c>
      <c r="J42" s="45">
        <v>0</v>
      </c>
      <c r="K42" s="45">
        <v>0</v>
      </c>
      <c r="L42" s="45">
        <v>0</v>
      </c>
      <c r="M42" s="45">
        <v>0</v>
      </c>
      <c r="N42" s="45">
        <v>0</v>
      </c>
      <c r="O42" s="45">
        <v>0</v>
      </c>
      <c r="P42" s="45">
        <v>0</v>
      </c>
      <c r="Q42" s="45">
        <v>0</v>
      </c>
      <c r="R42" s="45">
        <v>0</v>
      </c>
      <c r="S42" s="45">
        <v>0</v>
      </c>
      <c r="T42" s="45">
        <v>0</v>
      </c>
      <c r="U42" s="45">
        <v>0</v>
      </c>
      <c r="V42" s="45">
        <v>0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4">
        <v>0</v>
      </c>
      <c r="M43" s="43">
        <v>0</v>
      </c>
      <c r="N43" s="43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4784981.5397130242</v>
      </c>
      <c r="C45" s="51">
        <v>763299.26377058402</v>
      </c>
      <c r="D45" s="51">
        <v>729224.17956058402</v>
      </c>
      <c r="E45" s="51">
        <v>789020.39368538396</v>
      </c>
      <c r="F45" s="51">
        <v>841370.52468538424</v>
      </c>
      <c r="G45" s="51">
        <v>852573.32468538429</v>
      </c>
      <c r="H45" s="51">
        <v>844859.34730018419</v>
      </c>
      <c r="I45" s="51">
        <v>836504.10791018419</v>
      </c>
      <c r="J45" s="51">
        <v>831902.07268538419</v>
      </c>
      <c r="K45" s="51">
        <v>831140.28228538414</v>
      </c>
      <c r="L45" s="51">
        <v>779880.28228538414</v>
      </c>
      <c r="M45" s="51">
        <v>764795.26377058402</v>
      </c>
      <c r="N45" s="51">
        <v>-3632641.6865508878</v>
      </c>
      <c r="O45" s="51">
        <v>1001275.4923491126</v>
      </c>
      <c r="P45" s="51">
        <v>1050346.8809491128</v>
      </c>
      <c r="Q45" s="51">
        <v>-3517173.3190508871</v>
      </c>
      <c r="R45" s="51">
        <v>1061549.6809491129</v>
      </c>
      <c r="S45" s="51">
        <v>1061549.6809491129</v>
      </c>
      <c r="T45" s="51">
        <v>1061549.6809491129</v>
      </c>
      <c r="U45" s="51">
        <v>1061549.6809491129</v>
      </c>
      <c r="V45" s="51">
        <v>1094656.6339954711</v>
      </c>
    </row>
    <row r="46" spans="1:22">
      <c r="A46" s="39"/>
      <c r="B46" s="45"/>
      <c r="C46" s="45"/>
      <c r="D46" s="45"/>
      <c r="E46" s="45"/>
      <c r="F46" s="45"/>
      <c r="G46" s="45"/>
      <c r="H46" s="45"/>
      <c r="I46" s="45"/>
      <c r="J46" s="45"/>
      <c r="K46" s="45"/>
      <c r="L46" s="45"/>
      <c r="M46" s="45"/>
      <c r="N46" s="45"/>
      <c r="O46" s="45"/>
      <c r="P46" s="45"/>
      <c r="Q46" s="45"/>
      <c r="R46" s="45"/>
      <c r="S46" s="45"/>
      <c r="T46" s="45"/>
      <c r="U46" s="45"/>
      <c r="V46" s="45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K51" s="40"/>
      <c r="L51" s="45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K52" s="35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8">
        <v>406563.14777696971</v>
      </c>
      <c r="D55" s="58">
        <v>431137.38127696968</v>
      </c>
      <c r="E55" s="58">
        <v>444672.77899696969</v>
      </c>
      <c r="F55" s="58">
        <v>446913.33899696969</v>
      </c>
      <c r="G55" s="58">
        <v>446913.33899696969</v>
      </c>
      <c r="H55" s="58">
        <v>424225.17021696968</v>
      </c>
      <c r="I55" s="58">
        <v>399650.93671696971</v>
      </c>
      <c r="J55" s="58">
        <v>386115.5389969697</v>
      </c>
      <c r="K55" s="58">
        <v>383874.9789969697</v>
      </c>
      <c r="L55" s="58">
        <v>394874.9789969697</v>
      </c>
      <c r="M55" s="58">
        <v>410963.14777696971</v>
      </c>
      <c r="N55" s="58">
        <v>1234350.4035133333</v>
      </c>
      <c r="O55" s="58">
        <v>1247885.8012333333</v>
      </c>
      <c r="P55" s="58">
        <v>1250126.3612333334</v>
      </c>
      <c r="Q55" s="58">
        <v>1837164.1623333334</v>
      </c>
      <c r="R55" s="58">
        <v>1821075.9935533332</v>
      </c>
      <c r="S55" s="58">
        <v>1796501.7600533334</v>
      </c>
      <c r="T55" s="58">
        <v>1782966.3623333334</v>
      </c>
      <c r="U55" s="58">
        <v>1780725.8023333333</v>
      </c>
      <c r="V55" s="58">
        <v>1780725.8023333333</v>
      </c>
    </row>
    <row r="56" spans="1:22">
      <c r="A56" s="60" t="s">
        <v>83</v>
      </c>
      <c r="B56" s="61"/>
      <c r="C56" s="63">
        <v>383763.67666363635</v>
      </c>
      <c r="D56" s="63">
        <v>383763.67666363635</v>
      </c>
      <c r="E56" s="63">
        <v>383763.67666363635</v>
      </c>
      <c r="F56" s="63">
        <v>383763.67666363635</v>
      </c>
      <c r="G56" s="63">
        <v>383763.67666363635</v>
      </c>
      <c r="H56" s="63">
        <v>383763.67666363635</v>
      </c>
      <c r="I56" s="63">
        <v>383763.67666363635</v>
      </c>
      <c r="J56" s="63">
        <v>383763.67666363635</v>
      </c>
      <c r="K56" s="63">
        <v>383763.67666363635</v>
      </c>
      <c r="L56" s="63">
        <v>383763.67666363635</v>
      </c>
      <c r="M56" s="63">
        <v>383763.67666363635</v>
      </c>
      <c r="N56" s="63">
        <v>1182576.6989</v>
      </c>
      <c r="O56" s="63">
        <v>1182576.6989</v>
      </c>
      <c r="P56" s="63">
        <v>1182576.6989</v>
      </c>
      <c r="Q56" s="63">
        <v>1780614.5</v>
      </c>
      <c r="R56" s="63">
        <v>1780614.5</v>
      </c>
      <c r="S56" s="63">
        <v>1780614.5</v>
      </c>
      <c r="T56" s="63">
        <v>1780614.5</v>
      </c>
      <c r="U56" s="63">
        <v>1780614.5</v>
      </c>
      <c r="V56" s="63">
        <v>1780614.5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2688.16878</v>
      </c>
      <c r="D58" s="71">
        <v>47262.402279999995</v>
      </c>
      <c r="E58" s="71">
        <v>60797.799999999996</v>
      </c>
      <c r="F58" s="71">
        <v>63038.359999999993</v>
      </c>
      <c r="G58" s="71">
        <v>63038.359999999993</v>
      </c>
      <c r="H58" s="71">
        <v>40350.191220000001</v>
      </c>
      <c r="I58" s="71">
        <v>15775.957720000002</v>
      </c>
      <c r="J58" s="71">
        <v>2240.56</v>
      </c>
      <c r="K58" s="71">
        <v>0</v>
      </c>
      <c r="L58" s="71">
        <v>11000</v>
      </c>
      <c r="M58" s="71">
        <v>27088.16878</v>
      </c>
      <c r="N58" s="71">
        <v>51662.402279999995</v>
      </c>
      <c r="O58" s="71">
        <v>65197.8</v>
      </c>
      <c r="P58" s="71">
        <v>67438.36</v>
      </c>
      <c r="Q58" s="71">
        <v>56438.36</v>
      </c>
      <c r="R58" s="71">
        <v>40350.191220000001</v>
      </c>
      <c r="S58" s="71">
        <v>15775.957720000002</v>
      </c>
      <c r="T58" s="71">
        <v>2240.56</v>
      </c>
      <c r="U58" s="71">
        <v>0</v>
      </c>
      <c r="V58" s="72">
        <v>0</v>
      </c>
    </row>
    <row r="79" spans="11:11" ht="12.75">
      <c r="K79" s="103" t="s">
        <v>122</v>
      </c>
    </row>
    <row r="80" spans="11:11" ht="12.75">
      <c r="K80" s="103"/>
    </row>
  </sheetData>
  <pageMargins left="0.24" right="0.26" top="0.5" bottom="0.78740157480314965" header="0.31496062992125984" footer="0.31496062992125984"/>
  <pageSetup paperSize="9" scale="55" orientation="landscape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>
  <dimension ref="A1:J36"/>
  <sheetViews>
    <sheetView tabSelected="1" view="pageBreakPreview" zoomScaleNormal="80" zoomScaleSheetLayoutView="100" workbookViewId="0">
      <selection activeCell="L5" sqref="L5"/>
    </sheetView>
  </sheetViews>
  <sheetFormatPr defaultRowHeight="12.75"/>
  <sheetData>
    <row r="1" spans="1:10" ht="15.75">
      <c r="A1" s="105"/>
      <c r="B1" s="106"/>
      <c r="C1" s="107"/>
      <c r="D1" s="105"/>
    </row>
    <row r="2" spans="1:10" ht="15.75">
      <c r="A2" s="105"/>
      <c r="B2" s="106"/>
      <c r="C2" s="107"/>
      <c r="D2" s="105"/>
    </row>
    <row r="3" spans="1:10" ht="15">
      <c r="A3" s="105"/>
      <c r="B3" s="105"/>
      <c r="C3" s="107"/>
      <c r="D3" s="105"/>
    </row>
    <row r="4" spans="1:10" ht="15.75">
      <c r="A4" s="105"/>
      <c r="B4" s="114"/>
      <c r="C4" s="114"/>
      <c r="D4" s="105"/>
      <c r="E4" s="117" t="s">
        <v>138</v>
      </c>
      <c r="F4" s="117"/>
    </row>
    <row r="5" spans="1:10" ht="15.75">
      <c r="A5" s="108"/>
      <c r="B5" s="105"/>
      <c r="D5" s="105"/>
      <c r="J5" s="107" t="s">
        <v>139</v>
      </c>
    </row>
    <row r="6" spans="1:10" ht="15.75">
      <c r="A6" s="105"/>
      <c r="B6" s="110" t="s">
        <v>123</v>
      </c>
      <c r="D6" s="105"/>
      <c r="J6" s="107">
        <v>2</v>
      </c>
    </row>
    <row r="7" spans="1:10" ht="15">
      <c r="A7" s="105"/>
      <c r="B7" s="105"/>
      <c r="D7" s="105"/>
      <c r="J7" s="107"/>
    </row>
    <row r="8" spans="1:10" ht="15.75">
      <c r="A8" s="109"/>
      <c r="B8" s="110" t="s">
        <v>124</v>
      </c>
      <c r="D8" s="105"/>
      <c r="J8" s="107">
        <v>5</v>
      </c>
    </row>
    <row r="9" spans="1:10" ht="15">
      <c r="A9" s="105"/>
      <c r="B9" s="109"/>
      <c r="D9" s="105"/>
      <c r="J9" s="107"/>
    </row>
    <row r="10" spans="1:10" ht="15.75">
      <c r="A10" s="111"/>
      <c r="B10" s="110" t="s">
        <v>125</v>
      </c>
      <c r="D10" s="105"/>
      <c r="J10" s="107">
        <v>6</v>
      </c>
    </row>
    <row r="11" spans="1:10" ht="15">
      <c r="A11" s="109"/>
      <c r="B11" s="109"/>
      <c r="D11" s="105"/>
      <c r="J11" s="107"/>
    </row>
    <row r="12" spans="1:10" ht="15.75">
      <c r="A12" s="109"/>
      <c r="B12" s="110" t="s">
        <v>126</v>
      </c>
      <c r="D12" s="105"/>
      <c r="J12" s="107">
        <v>7</v>
      </c>
    </row>
    <row r="13" spans="1:10" ht="15">
      <c r="A13" s="109"/>
      <c r="B13" s="109"/>
      <c r="D13" s="105"/>
      <c r="J13" s="107"/>
    </row>
    <row r="14" spans="1:10" ht="15.75">
      <c r="A14" s="109"/>
      <c r="B14" s="110" t="s">
        <v>127</v>
      </c>
      <c r="D14" s="105"/>
      <c r="J14" s="107">
        <v>8</v>
      </c>
    </row>
    <row r="15" spans="1:10" ht="15">
      <c r="A15" s="109"/>
      <c r="B15" s="109"/>
      <c r="D15" s="105"/>
      <c r="J15" s="107"/>
    </row>
    <row r="16" spans="1:10" ht="15.75">
      <c r="A16" s="109"/>
      <c r="B16" s="110" t="s">
        <v>140</v>
      </c>
      <c r="D16" s="105"/>
      <c r="J16" s="107">
        <v>9</v>
      </c>
    </row>
    <row r="17" spans="1:10" ht="15">
      <c r="A17" s="109"/>
      <c r="B17" s="109"/>
      <c r="D17" s="105"/>
      <c r="J17" s="107"/>
    </row>
    <row r="18" spans="1:10" ht="15.75">
      <c r="A18" s="109"/>
      <c r="B18" s="110" t="s">
        <v>129</v>
      </c>
      <c r="D18" s="105"/>
      <c r="J18" s="107">
        <v>10</v>
      </c>
    </row>
    <row r="19" spans="1:10" ht="15">
      <c r="A19" s="109"/>
      <c r="B19" s="109"/>
      <c r="D19" s="105"/>
      <c r="J19" s="107"/>
    </row>
    <row r="20" spans="1:10" ht="15.75">
      <c r="A20" s="112"/>
      <c r="B20" s="110" t="s">
        <v>130</v>
      </c>
      <c r="D20" s="105"/>
      <c r="J20" s="107">
        <v>11</v>
      </c>
    </row>
    <row r="21" spans="1:10" ht="15">
      <c r="A21" s="109"/>
      <c r="B21" s="109"/>
      <c r="D21" s="105"/>
      <c r="J21" s="107"/>
    </row>
    <row r="22" spans="1:10" ht="15.75">
      <c r="A22" s="109"/>
      <c r="B22" s="110" t="s">
        <v>131</v>
      </c>
      <c r="D22" s="105"/>
      <c r="J22" s="107">
        <v>12</v>
      </c>
    </row>
    <row r="23" spans="1:10" ht="15.75">
      <c r="A23" s="109"/>
      <c r="B23" s="112"/>
      <c r="D23" s="105"/>
      <c r="J23" s="107"/>
    </row>
    <row r="24" spans="1:10" ht="15.75">
      <c r="A24" s="109"/>
      <c r="B24" s="110" t="s">
        <v>132</v>
      </c>
      <c r="D24" s="105"/>
      <c r="J24" s="107">
        <v>13</v>
      </c>
    </row>
    <row r="25" spans="1:10" ht="15">
      <c r="A25" s="105"/>
      <c r="B25" s="109"/>
      <c r="D25" s="105"/>
      <c r="J25" s="107"/>
    </row>
    <row r="26" spans="1:10" ht="15.75">
      <c r="A26" s="109"/>
      <c r="B26" s="110" t="s">
        <v>133</v>
      </c>
      <c r="D26" s="105"/>
      <c r="J26" s="107">
        <v>14</v>
      </c>
    </row>
    <row r="27" spans="1:10" ht="15">
      <c r="A27" s="109"/>
      <c r="B27" s="109"/>
      <c r="D27" s="105"/>
      <c r="J27" s="107"/>
    </row>
    <row r="28" spans="1:10" ht="15.75">
      <c r="A28" s="109"/>
      <c r="B28" s="110" t="s">
        <v>141</v>
      </c>
      <c r="D28" s="105"/>
      <c r="J28" s="107">
        <v>15</v>
      </c>
    </row>
    <row r="29" spans="1:10" ht="15">
      <c r="A29" s="109"/>
      <c r="B29" s="109"/>
      <c r="D29" s="105"/>
      <c r="J29" s="107"/>
    </row>
    <row r="30" spans="1:10" ht="15.75">
      <c r="A30" s="112"/>
      <c r="B30" s="110" t="s">
        <v>142</v>
      </c>
      <c r="D30" s="105"/>
      <c r="J30" s="107">
        <v>16</v>
      </c>
    </row>
    <row r="31" spans="1:10" ht="15.75">
      <c r="A31" s="109"/>
      <c r="B31" s="112"/>
      <c r="D31" s="105"/>
      <c r="J31" s="107"/>
    </row>
    <row r="32" spans="1:10" ht="15">
      <c r="A32" s="109"/>
      <c r="B32" s="109"/>
      <c r="D32" s="105"/>
      <c r="J32" s="107"/>
    </row>
    <row r="33" spans="1:10" ht="15">
      <c r="A33" s="105"/>
      <c r="B33" s="109"/>
      <c r="D33" s="105"/>
      <c r="J33" s="107"/>
    </row>
    <row r="34" spans="1:10" ht="15">
      <c r="A34" s="109"/>
      <c r="B34" s="109"/>
      <c r="D34" s="105"/>
      <c r="J34" s="107"/>
    </row>
    <row r="35" spans="1:10" ht="15">
      <c r="A35" s="105"/>
      <c r="B35" s="113"/>
      <c r="C35" s="107"/>
      <c r="D35" s="105"/>
    </row>
    <row r="36" spans="1:10" ht="15">
      <c r="A36" s="105"/>
      <c r="B36" s="113"/>
      <c r="C36" s="107"/>
      <c r="D36" s="105"/>
    </row>
  </sheetData>
  <mergeCells count="1">
    <mergeCell ref="E4:F4"/>
  </mergeCells>
  <pageMargins left="0.511811024" right="0.511811024" top="0.78740157499999996" bottom="0.78740157499999996" header="0.31496062000000002" footer="0.31496062000000002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>
  <sheetPr codeName="Plan37"/>
  <dimension ref="A1:W246"/>
  <sheetViews>
    <sheetView tabSelected="1" view="pageBreakPreview" zoomScale="80" zoomScaleNormal="100" zoomScaleSheetLayoutView="80" zoomScalePageLayoutView="80" workbookViewId="0">
      <selection activeCell="L5" sqref="L5"/>
    </sheetView>
  </sheetViews>
  <sheetFormatPr defaultRowHeight="11.25"/>
  <cols>
    <col min="1" max="1" width="19.42578125" style="2" customWidth="1"/>
    <col min="2" max="2" width="12.140625" style="2" customWidth="1"/>
    <col min="3" max="3" width="10.28515625" style="2" customWidth="1"/>
    <col min="4" max="4" width="12.140625" style="2" customWidth="1"/>
    <col min="5" max="5" width="9.85546875" style="2" bestFit="1" customWidth="1"/>
    <col min="6" max="6" width="9" style="2" customWidth="1"/>
    <col min="7" max="7" width="10.5703125" style="2" customWidth="1"/>
    <col min="8" max="9" width="9" style="2" customWidth="1"/>
    <col min="10" max="10" width="9.42578125" style="2" customWidth="1"/>
    <col min="11" max="11" width="9.7109375" style="2" customWidth="1"/>
    <col min="12" max="12" width="10" style="2" customWidth="1"/>
    <col min="13" max="13" width="9" style="2" customWidth="1"/>
    <col min="14" max="14" width="11.140625" style="2" customWidth="1"/>
    <col min="15" max="15" width="10" style="2" customWidth="1"/>
    <col min="16" max="23" width="9" style="2" customWidth="1"/>
    <col min="24" max="16384" width="9.140625" style="2"/>
  </cols>
  <sheetData>
    <row r="1" spans="1:23" ht="18">
      <c r="A1" s="82" t="s">
        <v>123</v>
      </c>
    </row>
    <row r="4" spans="1:23" ht="18">
      <c r="A4" s="82" t="s">
        <v>92</v>
      </c>
    </row>
    <row r="5" spans="1:23" ht="15.75">
      <c r="A5" s="80" t="s">
        <v>91</v>
      </c>
      <c r="B5" s="1"/>
      <c r="C5" s="81">
        <v>0.1</v>
      </c>
    </row>
    <row r="6" spans="1:23">
      <c r="A6" s="4" t="s">
        <v>0</v>
      </c>
      <c r="B6" s="5" t="s">
        <v>1</v>
      </c>
      <c r="C6" s="5" t="s">
        <v>2</v>
      </c>
      <c r="D6" s="5" t="s">
        <v>3</v>
      </c>
      <c r="E6" s="5" t="s">
        <v>4</v>
      </c>
      <c r="F6" s="5" t="s">
        <v>5</v>
      </c>
      <c r="G6" s="5" t="s">
        <v>6</v>
      </c>
      <c r="H6" s="5" t="s">
        <v>7</v>
      </c>
      <c r="I6" s="5" t="s">
        <v>8</v>
      </c>
      <c r="J6" s="5" t="s">
        <v>9</v>
      </c>
      <c r="K6" s="5" t="s">
        <v>10</v>
      </c>
      <c r="L6" s="5" t="s">
        <v>11</v>
      </c>
      <c r="M6" s="5" t="s">
        <v>12</v>
      </c>
      <c r="N6" s="5" t="s">
        <v>13</v>
      </c>
      <c r="O6" s="5" t="s">
        <v>14</v>
      </c>
      <c r="P6" s="5" t="s">
        <v>15</v>
      </c>
      <c r="Q6" s="5" t="s">
        <v>16</v>
      </c>
      <c r="R6" s="5" t="s">
        <v>17</v>
      </c>
      <c r="S6" s="5" t="s">
        <v>18</v>
      </c>
      <c r="T6" s="5" t="s">
        <v>19</v>
      </c>
      <c r="U6" s="5" t="s">
        <v>20</v>
      </c>
      <c r="V6" s="5" t="s">
        <v>21</v>
      </c>
      <c r="W6" s="5" t="s">
        <v>22</v>
      </c>
    </row>
    <row r="7" spans="1:23">
      <c r="A7" s="6" t="s">
        <v>23</v>
      </c>
      <c r="B7" s="7">
        <v>1</v>
      </c>
      <c r="C7" s="8">
        <v>1</v>
      </c>
      <c r="D7" s="8">
        <v>1</v>
      </c>
      <c r="E7" s="8">
        <v>1</v>
      </c>
      <c r="F7" s="8">
        <v>1</v>
      </c>
      <c r="G7" s="8">
        <v>1</v>
      </c>
      <c r="H7" s="8">
        <v>1</v>
      </c>
      <c r="I7" s="8">
        <v>1</v>
      </c>
      <c r="J7" s="8">
        <v>1</v>
      </c>
      <c r="K7" s="8">
        <v>1</v>
      </c>
      <c r="L7" s="8">
        <v>1</v>
      </c>
      <c r="M7" s="8">
        <v>1</v>
      </c>
      <c r="N7" s="8">
        <v>1</v>
      </c>
      <c r="O7" s="8">
        <v>1</v>
      </c>
      <c r="P7" s="8">
        <v>1</v>
      </c>
      <c r="Q7" s="8">
        <v>1</v>
      </c>
      <c r="R7" s="8">
        <v>1</v>
      </c>
      <c r="S7" s="8">
        <v>1</v>
      </c>
      <c r="T7" s="8">
        <v>1</v>
      </c>
      <c r="U7" s="8">
        <v>1</v>
      </c>
      <c r="V7" s="8">
        <v>1</v>
      </c>
      <c r="W7" s="8">
        <v>1</v>
      </c>
    </row>
    <row r="8" spans="1:23">
      <c r="A8" s="9" t="s">
        <v>24</v>
      </c>
      <c r="B8" s="10">
        <v>0.77500000000000002</v>
      </c>
      <c r="C8" s="8">
        <v>1</v>
      </c>
      <c r="D8" s="8">
        <v>1</v>
      </c>
      <c r="E8" s="8">
        <v>1</v>
      </c>
      <c r="F8" s="8">
        <v>1</v>
      </c>
      <c r="G8" s="8">
        <v>1</v>
      </c>
      <c r="H8" s="8">
        <v>1</v>
      </c>
      <c r="I8" s="8">
        <v>1</v>
      </c>
      <c r="J8" s="8">
        <v>1</v>
      </c>
      <c r="K8" s="8">
        <v>1</v>
      </c>
      <c r="L8" s="8">
        <v>1</v>
      </c>
      <c r="M8" s="8">
        <v>1</v>
      </c>
      <c r="N8" s="8">
        <v>1</v>
      </c>
      <c r="O8" s="8">
        <v>1</v>
      </c>
      <c r="P8" s="8">
        <v>1</v>
      </c>
      <c r="Q8" s="8">
        <v>1</v>
      </c>
      <c r="R8" s="8">
        <v>1</v>
      </c>
      <c r="S8" s="8">
        <v>1</v>
      </c>
      <c r="T8" s="8">
        <v>1</v>
      </c>
      <c r="U8" s="8">
        <v>1</v>
      </c>
      <c r="V8" s="8">
        <v>1</v>
      </c>
      <c r="W8" s="8">
        <v>1</v>
      </c>
    </row>
    <row r="9" spans="1:23">
      <c r="A9" s="9" t="s">
        <v>25</v>
      </c>
      <c r="B9" s="10">
        <v>0.58209999999999995</v>
      </c>
      <c r="C9" s="8">
        <v>1</v>
      </c>
      <c r="D9" s="8">
        <v>1</v>
      </c>
      <c r="E9" s="8">
        <v>1</v>
      </c>
      <c r="F9" s="8">
        <v>1</v>
      </c>
      <c r="G9" s="8">
        <v>1</v>
      </c>
      <c r="H9" s="8">
        <v>1</v>
      </c>
      <c r="I9" s="8">
        <v>1</v>
      </c>
      <c r="J9" s="8">
        <v>1</v>
      </c>
      <c r="K9" s="8">
        <v>1</v>
      </c>
      <c r="L9" s="8">
        <v>1</v>
      </c>
      <c r="M9" s="8">
        <v>1</v>
      </c>
      <c r="N9" s="8">
        <v>1</v>
      </c>
      <c r="O9" s="8">
        <v>1</v>
      </c>
      <c r="P9" s="8">
        <v>1</v>
      </c>
      <c r="Q9" s="8">
        <v>1</v>
      </c>
      <c r="R9" s="8">
        <v>1</v>
      </c>
      <c r="S9" s="8">
        <v>1</v>
      </c>
      <c r="T9" s="8">
        <v>1</v>
      </c>
      <c r="U9" s="8">
        <v>1</v>
      </c>
      <c r="V9" s="8">
        <v>1</v>
      </c>
      <c r="W9" s="8">
        <v>1</v>
      </c>
    </row>
    <row r="10" spans="1:23">
      <c r="A10" s="11" t="s">
        <v>26</v>
      </c>
      <c r="B10" s="10">
        <v>0.4214</v>
      </c>
      <c r="C10" s="8">
        <v>1</v>
      </c>
      <c r="D10" s="8">
        <v>1</v>
      </c>
      <c r="E10" s="8">
        <v>1</v>
      </c>
      <c r="F10" s="8">
        <v>1</v>
      </c>
      <c r="G10" s="8">
        <v>1</v>
      </c>
      <c r="H10" s="8">
        <v>1</v>
      </c>
      <c r="I10" s="8">
        <v>1</v>
      </c>
      <c r="J10" s="8">
        <v>1</v>
      </c>
      <c r="K10" s="8">
        <v>1</v>
      </c>
      <c r="L10" s="8">
        <v>1</v>
      </c>
      <c r="M10" s="8">
        <v>1</v>
      </c>
      <c r="N10" s="8">
        <v>1</v>
      </c>
      <c r="O10" s="8">
        <v>1</v>
      </c>
      <c r="P10" s="8">
        <v>1</v>
      </c>
      <c r="Q10" s="8">
        <v>1</v>
      </c>
      <c r="R10" s="8">
        <v>1</v>
      </c>
      <c r="S10" s="8">
        <v>1</v>
      </c>
      <c r="T10" s="8">
        <v>1</v>
      </c>
      <c r="U10" s="8">
        <v>1</v>
      </c>
      <c r="V10" s="8">
        <v>1</v>
      </c>
      <c r="W10" s="8">
        <v>1</v>
      </c>
    </row>
    <row r="11" spans="1:23">
      <c r="A11" s="9" t="s">
        <v>27</v>
      </c>
      <c r="B11" s="10">
        <v>0.2928</v>
      </c>
      <c r="C11" s="8">
        <v>1</v>
      </c>
      <c r="D11" s="8">
        <v>1</v>
      </c>
      <c r="E11" s="8">
        <v>1</v>
      </c>
      <c r="F11" s="8">
        <v>1</v>
      </c>
      <c r="G11" s="8">
        <v>1</v>
      </c>
      <c r="H11" s="8">
        <v>1</v>
      </c>
      <c r="I11" s="8">
        <v>1</v>
      </c>
      <c r="J11" s="8">
        <v>1</v>
      </c>
      <c r="K11" s="8">
        <v>1</v>
      </c>
      <c r="L11" s="8">
        <v>1</v>
      </c>
      <c r="M11" s="8">
        <v>1</v>
      </c>
      <c r="N11" s="8">
        <v>1</v>
      </c>
      <c r="O11" s="8">
        <v>1</v>
      </c>
      <c r="P11" s="8">
        <v>1</v>
      </c>
      <c r="Q11" s="8">
        <v>1</v>
      </c>
      <c r="R11" s="8">
        <v>1</v>
      </c>
      <c r="S11" s="8">
        <v>1</v>
      </c>
      <c r="T11" s="8">
        <v>1</v>
      </c>
      <c r="U11" s="8">
        <v>1</v>
      </c>
      <c r="V11" s="8">
        <v>1</v>
      </c>
      <c r="W11" s="8">
        <v>1</v>
      </c>
    </row>
    <row r="12" spans="1:23">
      <c r="A12" s="9" t="s">
        <v>28</v>
      </c>
      <c r="B12" s="10">
        <v>0.19639999999999999</v>
      </c>
      <c r="C12" s="8">
        <v>1</v>
      </c>
      <c r="D12" s="8">
        <v>1</v>
      </c>
      <c r="E12" s="8">
        <v>1</v>
      </c>
      <c r="F12" s="8">
        <v>1</v>
      </c>
      <c r="G12" s="8">
        <v>1</v>
      </c>
      <c r="H12" s="8">
        <v>1</v>
      </c>
      <c r="I12" s="8">
        <v>1</v>
      </c>
      <c r="J12" s="8">
        <v>1</v>
      </c>
      <c r="K12" s="8">
        <v>1</v>
      </c>
      <c r="L12" s="8">
        <v>1</v>
      </c>
      <c r="M12" s="8">
        <v>1</v>
      </c>
      <c r="N12" s="8">
        <v>1</v>
      </c>
      <c r="O12" s="8">
        <v>1</v>
      </c>
      <c r="P12" s="8">
        <v>1</v>
      </c>
      <c r="Q12" s="8">
        <v>1</v>
      </c>
      <c r="R12" s="8">
        <v>1</v>
      </c>
      <c r="S12" s="8">
        <v>1</v>
      </c>
      <c r="T12" s="8">
        <v>1</v>
      </c>
      <c r="U12" s="8">
        <v>1</v>
      </c>
      <c r="V12" s="8">
        <v>1</v>
      </c>
      <c r="W12" s="8">
        <v>1</v>
      </c>
    </row>
    <row r="13" spans="1:23">
      <c r="A13" s="9" t="s">
        <v>29</v>
      </c>
      <c r="B13" s="10">
        <v>0.1321</v>
      </c>
      <c r="C13" s="8">
        <v>1</v>
      </c>
      <c r="D13" s="8">
        <v>1</v>
      </c>
      <c r="E13" s="8">
        <v>1</v>
      </c>
      <c r="F13" s="8">
        <v>1</v>
      </c>
      <c r="G13" s="8">
        <v>1</v>
      </c>
      <c r="H13" s="8">
        <v>1</v>
      </c>
      <c r="I13" s="8">
        <v>1</v>
      </c>
      <c r="J13" s="8">
        <v>1</v>
      </c>
      <c r="K13" s="8">
        <v>1</v>
      </c>
      <c r="L13" s="8">
        <v>1</v>
      </c>
      <c r="M13" s="8">
        <v>1</v>
      </c>
      <c r="N13" s="8">
        <v>1</v>
      </c>
      <c r="O13" s="8">
        <v>1</v>
      </c>
      <c r="P13" s="8">
        <v>1</v>
      </c>
      <c r="Q13" s="8">
        <v>1</v>
      </c>
      <c r="R13" s="8">
        <v>1</v>
      </c>
      <c r="S13" s="8">
        <v>1</v>
      </c>
      <c r="T13" s="8">
        <v>1</v>
      </c>
      <c r="U13" s="8">
        <v>1</v>
      </c>
      <c r="V13" s="8">
        <v>1</v>
      </c>
      <c r="W13" s="8">
        <v>1</v>
      </c>
    </row>
    <row r="14" spans="1:23">
      <c r="A14" s="9" t="s">
        <v>30</v>
      </c>
      <c r="B14" s="10">
        <v>0.1</v>
      </c>
      <c r="C14" s="8">
        <v>0</v>
      </c>
      <c r="D14" s="8">
        <v>0</v>
      </c>
      <c r="E14" s="8">
        <v>0</v>
      </c>
      <c r="F14" s="8">
        <v>0</v>
      </c>
      <c r="G14" s="8">
        <v>0</v>
      </c>
      <c r="H14" s="8">
        <v>0</v>
      </c>
      <c r="I14" s="8">
        <v>0</v>
      </c>
      <c r="J14" s="8">
        <v>0</v>
      </c>
      <c r="K14" s="8">
        <v>0</v>
      </c>
      <c r="L14" s="8">
        <v>0</v>
      </c>
      <c r="M14" s="8">
        <v>0</v>
      </c>
      <c r="N14" s="8">
        <v>0</v>
      </c>
      <c r="O14" s="8">
        <v>0</v>
      </c>
      <c r="P14" s="8">
        <v>0</v>
      </c>
      <c r="Q14" s="8">
        <v>0</v>
      </c>
      <c r="R14" s="8">
        <v>0</v>
      </c>
      <c r="S14" s="8">
        <v>0</v>
      </c>
      <c r="T14" s="8">
        <v>0</v>
      </c>
      <c r="U14" s="8">
        <v>0</v>
      </c>
      <c r="V14" s="8">
        <v>0</v>
      </c>
      <c r="W14" s="8">
        <v>0</v>
      </c>
    </row>
    <row r="15" spans="1:23">
      <c r="A15" s="9" t="s">
        <v>31</v>
      </c>
      <c r="B15" s="10">
        <v>0.1</v>
      </c>
      <c r="C15" s="8">
        <v>0</v>
      </c>
      <c r="D15" s="8">
        <v>0</v>
      </c>
      <c r="E15" s="8">
        <v>0</v>
      </c>
      <c r="F15" s="8">
        <v>0</v>
      </c>
      <c r="G15" s="8">
        <v>0</v>
      </c>
      <c r="H15" s="8">
        <v>0</v>
      </c>
      <c r="I15" s="8">
        <v>0</v>
      </c>
      <c r="J15" s="8">
        <v>0</v>
      </c>
      <c r="K15" s="8">
        <v>0</v>
      </c>
      <c r="L15" s="8">
        <v>0</v>
      </c>
      <c r="M15" s="8">
        <v>0</v>
      </c>
      <c r="N15" s="8">
        <v>0</v>
      </c>
      <c r="O15" s="8">
        <v>0</v>
      </c>
      <c r="P15" s="8">
        <v>0</v>
      </c>
      <c r="Q15" s="8">
        <v>0</v>
      </c>
      <c r="R15" s="8">
        <v>0</v>
      </c>
      <c r="S15" s="8">
        <v>0</v>
      </c>
      <c r="T15" s="8">
        <v>0</v>
      </c>
      <c r="U15" s="8">
        <v>0</v>
      </c>
      <c r="V15" s="8">
        <v>0</v>
      </c>
      <c r="W15" s="8">
        <v>0</v>
      </c>
    </row>
    <row r="16" spans="1:23">
      <c r="A16" s="9" t="s">
        <v>32</v>
      </c>
      <c r="B16" s="10">
        <v>0.1</v>
      </c>
      <c r="C16" s="8">
        <v>0</v>
      </c>
      <c r="D16" s="8">
        <v>0</v>
      </c>
      <c r="E16" s="8">
        <v>0</v>
      </c>
      <c r="F16" s="8">
        <v>0</v>
      </c>
      <c r="G16" s="8">
        <v>0</v>
      </c>
      <c r="H16" s="8">
        <v>0</v>
      </c>
      <c r="I16" s="8">
        <v>0</v>
      </c>
      <c r="J16" s="8">
        <v>0</v>
      </c>
      <c r="K16" s="8">
        <v>0</v>
      </c>
      <c r="L16" s="8">
        <v>0</v>
      </c>
      <c r="M16" s="8">
        <v>0</v>
      </c>
      <c r="N16" s="8">
        <v>0</v>
      </c>
      <c r="O16" s="8">
        <v>0</v>
      </c>
      <c r="P16" s="8">
        <v>0</v>
      </c>
      <c r="Q16" s="8">
        <v>0</v>
      </c>
      <c r="R16" s="8">
        <v>0</v>
      </c>
      <c r="S16" s="8">
        <v>0</v>
      </c>
      <c r="T16" s="8">
        <v>0</v>
      </c>
      <c r="U16" s="8">
        <v>0</v>
      </c>
      <c r="V16" s="8">
        <v>0</v>
      </c>
      <c r="W16" s="8">
        <v>0</v>
      </c>
    </row>
    <row r="17" spans="1:23">
      <c r="A17" s="12" t="s">
        <v>33</v>
      </c>
      <c r="B17" s="12"/>
      <c r="C17" s="13">
        <v>0</v>
      </c>
      <c r="D17" s="13">
        <v>0</v>
      </c>
      <c r="E17" s="13">
        <v>0</v>
      </c>
      <c r="F17" s="13">
        <v>0</v>
      </c>
      <c r="G17" s="13">
        <v>0</v>
      </c>
      <c r="H17" s="13">
        <v>0</v>
      </c>
      <c r="I17" s="13">
        <v>0</v>
      </c>
      <c r="J17" s="13">
        <v>0</v>
      </c>
      <c r="K17" s="13">
        <v>0</v>
      </c>
      <c r="L17" s="13">
        <v>0</v>
      </c>
      <c r="M17" s="13">
        <v>0</v>
      </c>
      <c r="N17" s="13">
        <v>0</v>
      </c>
      <c r="O17" s="13">
        <v>0</v>
      </c>
      <c r="P17" s="13">
        <v>0</v>
      </c>
      <c r="Q17" s="13">
        <v>0</v>
      </c>
      <c r="R17" s="13">
        <v>0</v>
      </c>
      <c r="S17" s="13">
        <v>0</v>
      </c>
      <c r="T17" s="13">
        <v>0</v>
      </c>
      <c r="U17" s="13">
        <v>0</v>
      </c>
      <c r="V17" s="13">
        <v>0</v>
      </c>
      <c r="W17" s="13">
        <v>0</v>
      </c>
    </row>
    <row r="18" spans="1:23">
      <c r="A18" s="14" t="s">
        <v>34</v>
      </c>
      <c r="B18" s="14"/>
      <c r="C18" s="15">
        <v>7</v>
      </c>
      <c r="D18" s="15">
        <v>7</v>
      </c>
      <c r="E18" s="15">
        <v>7</v>
      </c>
      <c r="F18" s="15">
        <v>7</v>
      </c>
      <c r="G18" s="15">
        <v>7</v>
      </c>
      <c r="H18" s="15">
        <v>7</v>
      </c>
      <c r="I18" s="15">
        <v>7</v>
      </c>
      <c r="J18" s="15">
        <v>7</v>
      </c>
      <c r="K18" s="15">
        <v>7</v>
      </c>
      <c r="L18" s="15">
        <v>7</v>
      </c>
      <c r="M18" s="15">
        <v>7</v>
      </c>
      <c r="N18" s="15">
        <v>7</v>
      </c>
      <c r="O18" s="15">
        <v>7</v>
      </c>
      <c r="P18" s="15">
        <v>7</v>
      </c>
      <c r="Q18" s="15">
        <v>7</v>
      </c>
      <c r="R18" s="15">
        <v>7</v>
      </c>
      <c r="S18" s="15">
        <v>7</v>
      </c>
      <c r="T18" s="15">
        <v>7</v>
      </c>
      <c r="U18" s="15">
        <v>7</v>
      </c>
      <c r="V18" s="15">
        <v>7</v>
      </c>
      <c r="W18" s="15">
        <v>7</v>
      </c>
    </row>
    <row r="20" spans="1:23" ht="18">
      <c r="A20" s="82" t="s">
        <v>93</v>
      </c>
    </row>
    <row r="21" spans="1:23" ht="15.75">
      <c r="A21" s="80" t="s">
        <v>91</v>
      </c>
      <c r="B21" s="1"/>
      <c r="C21" s="81">
        <v>0.05</v>
      </c>
    </row>
    <row r="22" spans="1:23">
      <c r="A22" s="4" t="s">
        <v>0</v>
      </c>
      <c r="B22" s="5"/>
      <c r="C22" s="5" t="s">
        <v>2</v>
      </c>
      <c r="D22" s="5" t="s">
        <v>3</v>
      </c>
      <c r="E22" s="5" t="s">
        <v>4</v>
      </c>
      <c r="F22" s="5" t="s">
        <v>5</v>
      </c>
      <c r="G22" s="5" t="s">
        <v>6</v>
      </c>
      <c r="H22" s="5" t="s">
        <v>7</v>
      </c>
      <c r="I22" s="5" t="s">
        <v>8</v>
      </c>
      <c r="J22" s="5" t="s">
        <v>9</v>
      </c>
      <c r="K22" s="5" t="s">
        <v>10</v>
      </c>
      <c r="L22" s="5" t="s">
        <v>11</v>
      </c>
      <c r="M22" s="5" t="s">
        <v>12</v>
      </c>
      <c r="N22" s="5" t="s">
        <v>13</v>
      </c>
      <c r="O22" s="5" t="s">
        <v>14</v>
      </c>
      <c r="P22" s="5" t="s">
        <v>15</v>
      </c>
      <c r="Q22" s="5" t="s">
        <v>16</v>
      </c>
      <c r="R22" s="5" t="s">
        <v>17</v>
      </c>
      <c r="S22" s="5" t="s">
        <v>18</v>
      </c>
      <c r="T22" s="5" t="s">
        <v>19</v>
      </c>
      <c r="U22" s="5" t="s">
        <v>20</v>
      </c>
      <c r="V22" s="5" t="s">
        <v>21</v>
      </c>
      <c r="W22" s="5" t="s">
        <v>22</v>
      </c>
    </row>
    <row r="23" spans="1:23">
      <c r="A23" s="6" t="s">
        <v>23</v>
      </c>
      <c r="B23" s="7">
        <v>1</v>
      </c>
      <c r="C23" s="8">
        <v>1</v>
      </c>
      <c r="D23" s="8">
        <v>1</v>
      </c>
      <c r="E23" s="8">
        <v>1</v>
      </c>
      <c r="F23" s="8">
        <v>1</v>
      </c>
      <c r="G23" s="8">
        <v>1</v>
      </c>
      <c r="H23" s="8">
        <v>1</v>
      </c>
      <c r="I23" s="8">
        <v>1</v>
      </c>
      <c r="J23" s="8">
        <v>1</v>
      </c>
      <c r="K23" s="8">
        <v>1</v>
      </c>
      <c r="L23" s="8">
        <v>1</v>
      </c>
      <c r="M23" s="8">
        <v>1</v>
      </c>
      <c r="N23" s="8">
        <v>1</v>
      </c>
      <c r="O23" s="8">
        <v>1</v>
      </c>
      <c r="P23" s="8">
        <v>1</v>
      </c>
      <c r="Q23" s="8">
        <v>1</v>
      </c>
      <c r="R23" s="8">
        <v>1</v>
      </c>
      <c r="S23" s="8">
        <v>1</v>
      </c>
      <c r="T23" s="8">
        <v>1</v>
      </c>
      <c r="U23" s="8">
        <v>1</v>
      </c>
      <c r="V23" s="8">
        <v>1</v>
      </c>
      <c r="W23" s="8">
        <v>1</v>
      </c>
    </row>
    <row r="24" spans="1:23">
      <c r="A24" s="9" t="s">
        <v>24</v>
      </c>
      <c r="B24" s="10">
        <v>0.82730000000000004</v>
      </c>
      <c r="C24" s="8">
        <v>1</v>
      </c>
      <c r="D24" s="8">
        <v>1</v>
      </c>
      <c r="E24" s="8">
        <v>1</v>
      </c>
      <c r="F24" s="8">
        <v>1</v>
      </c>
      <c r="G24" s="8">
        <v>1</v>
      </c>
      <c r="H24" s="8">
        <v>1</v>
      </c>
      <c r="I24" s="8">
        <v>1</v>
      </c>
      <c r="J24" s="8">
        <v>1</v>
      </c>
      <c r="K24" s="8">
        <v>1</v>
      </c>
      <c r="L24" s="8">
        <v>1</v>
      </c>
      <c r="M24" s="8">
        <v>1</v>
      </c>
      <c r="N24" s="8">
        <v>1</v>
      </c>
      <c r="O24" s="8">
        <v>1</v>
      </c>
      <c r="P24" s="8">
        <v>1</v>
      </c>
      <c r="Q24" s="8">
        <v>1</v>
      </c>
      <c r="R24" s="8">
        <v>1</v>
      </c>
      <c r="S24" s="8">
        <v>1</v>
      </c>
      <c r="T24" s="8">
        <v>1</v>
      </c>
      <c r="U24" s="8">
        <v>1</v>
      </c>
      <c r="V24" s="8">
        <v>1</v>
      </c>
      <c r="W24" s="8">
        <v>1</v>
      </c>
    </row>
    <row r="25" spans="1:23">
      <c r="A25" s="9" t="s">
        <v>25</v>
      </c>
      <c r="B25" s="10">
        <v>0.67179999999999995</v>
      </c>
      <c r="C25" s="8">
        <v>1</v>
      </c>
      <c r="D25" s="8">
        <v>1</v>
      </c>
      <c r="E25" s="8">
        <v>1</v>
      </c>
      <c r="F25" s="8">
        <v>1</v>
      </c>
      <c r="G25" s="8">
        <v>1</v>
      </c>
      <c r="H25" s="8">
        <v>1</v>
      </c>
      <c r="I25" s="8">
        <v>1</v>
      </c>
      <c r="J25" s="8">
        <v>1</v>
      </c>
      <c r="K25" s="8">
        <v>1</v>
      </c>
      <c r="L25" s="8">
        <v>1</v>
      </c>
      <c r="M25" s="8">
        <v>1</v>
      </c>
      <c r="N25" s="8">
        <v>1</v>
      </c>
      <c r="O25" s="8">
        <v>1</v>
      </c>
      <c r="P25" s="8">
        <v>1</v>
      </c>
      <c r="Q25" s="8">
        <v>1</v>
      </c>
      <c r="R25" s="8">
        <v>1</v>
      </c>
      <c r="S25" s="8">
        <v>1</v>
      </c>
      <c r="T25" s="8">
        <v>1</v>
      </c>
      <c r="U25" s="8">
        <v>1</v>
      </c>
      <c r="V25" s="8">
        <v>1</v>
      </c>
      <c r="W25" s="8">
        <v>1</v>
      </c>
    </row>
    <row r="26" spans="1:23">
      <c r="A26" s="11" t="s">
        <v>26</v>
      </c>
      <c r="B26" s="10">
        <v>0.53359999999999996</v>
      </c>
      <c r="C26" s="8">
        <v>1</v>
      </c>
      <c r="D26" s="8">
        <v>1</v>
      </c>
      <c r="E26" s="8">
        <v>1</v>
      </c>
      <c r="F26" s="8">
        <v>1</v>
      </c>
      <c r="G26" s="8">
        <v>1</v>
      </c>
      <c r="H26" s="8">
        <v>1</v>
      </c>
      <c r="I26" s="8">
        <v>1</v>
      </c>
      <c r="J26" s="8">
        <v>1</v>
      </c>
      <c r="K26" s="8">
        <v>1</v>
      </c>
      <c r="L26" s="8">
        <v>1</v>
      </c>
      <c r="M26" s="8">
        <v>1</v>
      </c>
      <c r="N26" s="8">
        <v>1</v>
      </c>
      <c r="O26" s="8">
        <v>1</v>
      </c>
      <c r="P26" s="8">
        <v>1</v>
      </c>
      <c r="Q26" s="8">
        <v>1</v>
      </c>
      <c r="R26" s="8">
        <v>1</v>
      </c>
      <c r="S26" s="8">
        <v>1</v>
      </c>
      <c r="T26" s="8">
        <v>1</v>
      </c>
      <c r="U26" s="8">
        <v>1</v>
      </c>
      <c r="V26" s="8">
        <v>1</v>
      </c>
      <c r="W26" s="8">
        <v>1</v>
      </c>
    </row>
    <row r="27" spans="1:23">
      <c r="A27" s="9" t="s">
        <v>27</v>
      </c>
      <c r="B27" s="10">
        <v>0.41270000000000001</v>
      </c>
      <c r="C27" s="8">
        <v>1</v>
      </c>
      <c r="D27" s="8">
        <v>1</v>
      </c>
      <c r="E27" s="8">
        <v>1</v>
      </c>
      <c r="F27" s="8">
        <v>1</v>
      </c>
      <c r="G27" s="8">
        <v>1</v>
      </c>
      <c r="H27" s="8">
        <v>1</v>
      </c>
      <c r="I27" s="8">
        <v>1</v>
      </c>
      <c r="J27" s="8">
        <v>1</v>
      </c>
      <c r="K27" s="8">
        <v>1</v>
      </c>
      <c r="L27" s="8">
        <v>1</v>
      </c>
      <c r="M27" s="8">
        <v>1</v>
      </c>
      <c r="N27" s="8">
        <v>1</v>
      </c>
      <c r="O27" s="8">
        <v>1</v>
      </c>
      <c r="P27" s="8">
        <v>1</v>
      </c>
      <c r="Q27" s="8">
        <v>1</v>
      </c>
      <c r="R27" s="8">
        <v>1</v>
      </c>
      <c r="S27" s="8">
        <v>1</v>
      </c>
      <c r="T27" s="8">
        <v>1</v>
      </c>
      <c r="U27" s="8">
        <v>1</v>
      </c>
      <c r="V27" s="8">
        <v>1</v>
      </c>
      <c r="W27" s="8">
        <v>1</v>
      </c>
    </row>
    <row r="28" spans="1:23">
      <c r="A28" s="9" t="s">
        <v>28</v>
      </c>
      <c r="B28" s="10">
        <v>0.30909999999999999</v>
      </c>
      <c r="C28" s="8">
        <v>1</v>
      </c>
      <c r="D28" s="8">
        <v>1</v>
      </c>
      <c r="E28" s="8">
        <v>1</v>
      </c>
      <c r="F28" s="8">
        <v>1</v>
      </c>
      <c r="G28" s="8">
        <v>1</v>
      </c>
      <c r="H28" s="8">
        <v>1</v>
      </c>
      <c r="I28" s="8">
        <v>1</v>
      </c>
      <c r="J28" s="8">
        <v>1</v>
      </c>
      <c r="K28" s="8">
        <v>1</v>
      </c>
      <c r="L28" s="8">
        <v>1</v>
      </c>
      <c r="M28" s="8">
        <v>1</v>
      </c>
      <c r="N28" s="8">
        <v>1</v>
      </c>
      <c r="O28" s="8">
        <v>1</v>
      </c>
      <c r="P28" s="8">
        <v>1</v>
      </c>
      <c r="Q28" s="8">
        <v>1</v>
      </c>
      <c r="R28" s="8">
        <v>1</v>
      </c>
      <c r="S28" s="8">
        <v>1</v>
      </c>
      <c r="T28" s="8">
        <v>1</v>
      </c>
      <c r="U28" s="8">
        <v>1</v>
      </c>
      <c r="V28" s="8">
        <v>1</v>
      </c>
      <c r="W28" s="8">
        <v>1</v>
      </c>
    </row>
    <row r="29" spans="1:23">
      <c r="A29" s="9" t="s">
        <v>29</v>
      </c>
      <c r="B29" s="10">
        <v>0.22270000000000001</v>
      </c>
      <c r="C29" s="8">
        <v>1</v>
      </c>
      <c r="D29" s="8">
        <v>1</v>
      </c>
      <c r="E29" s="8">
        <v>1</v>
      </c>
      <c r="F29" s="8">
        <v>1</v>
      </c>
      <c r="G29" s="8">
        <v>1</v>
      </c>
      <c r="H29" s="8">
        <v>1</v>
      </c>
      <c r="I29" s="8">
        <v>1</v>
      </c>
      <c r="J29" s="8">
        <v>1</v>
      </c>
      <c r="K29" s="8">
        <v>1</v>
      </c>
      <c r="L29" s="8">
        <v>1</v>
      </c>
      <c r="M29" s="8">
        <v>1</v>
      </c>
      <c r="N29" s="8">
        <v>1</v>
      </c>
      <c r="O29" s="8">
        <v>1</v>
      </c>
      <c r="P29" s="8">
        <v>1</v>
      </c>
      <c r="Q29" s="8">
        <v>1</v>
      </c>
      <c r="R29" s="8">
        <v>1</v>
      </c>
      <c r="S29" s="8">
        <v>1</v>
      </c>
      <c r="T29" s="8">
        <v>1</v>
      </c>
      <c r="U29" s="8">
        <v>1</v>
      </c>
      <c r="V29" s="8">
        <v>1</v>
      </c>
      <c r="W29" s="8">
        <v>1</v>
      </c>
    </row>
    <row r="30" spans="1:23">
      <c r="A30" s="9" t="s">
        <v>30</v>
      </c>
      <c r="B30" s="10">
        <v>0.15359999999999999</v>
      </c>
      <c r="C30" s="8">
        <v>1</v>
      </c>
      <c r="D30" s="8">
        <v>1</v>
      </c>
      <c r="E30" s="8">
        <v>1</v>
      </c>
      <c r="F30" s="8">
        <v>1</v>
      </c>
      <c r="G30" s="8">
        <v>1</v>
      </c>
      <c r="H30" s="8">
        <v>1</v>
      </c>
      <c r="I30" s="8">
        <v>1</v>
      </c>
      <c r="J30" s="8">
        <v>1</v>
      </c>
      <c r="K30" s="8">
        <v>1</v>
      </c>
      <c r="L30" s="8">
        <v>1</v>
      </c>
      <c r="M30" s="8">
        <v>1</v>
      </c>
      <c r="N30" s="8">
        <v>1</v>
      </c>
      <c r="O30" s="8">
        <v>1</v>
      </c>
      <c r="P30" s="8">
        <v>1</v>
      </c>
      <c r="Q30" s="8">
        <v>1</v>
      </c>
      <c r="R30" s="8">
        <v>1</v>
      </c>
      <c r="S30" s="8">
        <v>1</v>
      </c>
      <c r="T30" s="8">
        <v>1</v>
      </c>
      <c r="U30" s="8">
        <v>1</v>
      </c>
      <c r="V30" s="8">
        <v>1</v>
      </c>
      <c r="W30" s="8">
        <v>1</v>
      </c>
    </row>
    <row r="31" spans="1:23">
      <c r="A31" s="9" t="s">
        <v>31</v>
      </c>
      <c r="B31" s="10">
        <v>0.1018</v>
      </c>
      <c r="C31" s="8">
        <v>1</v>
      </c>
      <c r="D31" s="8">
        <v>1</v>
      </c>
      <c r="E31" s="8">
        <v>1</v>
      </c>
      <c r="F31" s="8">
        <v>1</v>
      </c>
      <c r="G31" s="8">
        <v>1</v>
      </c>
      <c r="H31" s="8">
        <v>1</v>
      </c>
      <c r="I31" s="8">
        <v>1</v>
      </c>
      <c r="J31" s="8">
        <v>1</v>
      </c>
      <c r="K31" s="8">
        <v>1</v>
      </c>
      <c r="L31" s="8">
        <v>1</v>
      </c>
      <c r="M31" s="8">
        <v>1</v>
      </c>
      <c r="N31" s="8">
        <v>1</v>
      </c>
      <c r="O31" s="8">
        <v>1</v>
      </c>
      <c r="P31" s="8">
        <v>1</v>
      </c>
      <c r="Q31" s="8">
        <v>1</v>
      </c>
      <c r="R31" s="8">
        <v>1</v>
      </c>
      <c r="S31" s="8">
        <v>1</v>
      </c>
      <c r="T31" s="8">
        <v>1</v>
      </c>
      <c r="U31" s="8">
        <v>1</v>
      </c>
      <c r="V31" s="8">
        <v>1</v>
      </c>
      <c r="W31" s="8">
        <v>1</v>
      </c>
    </row>
    <row r="32" spans="1:23">
      <c r="A32" s="9" t="s">
        <v>32</v>
      </c>
      <c r="B32" s="10">
        <v>6.7299999999999999E-2</v>
      </c>
      <c r="C32" s="8">
        <v>1</v>
      </c>
      <c r="D32" s="8">
        <v>1</v>
      </c>
      <c r="E32" s="8">
        <v>1</v>
      </c>
      <c r="F32" s="8">
        <v>1</v>
      </c>
      <c r="G32" s="8">
        <v>1</v>
      </c>
      <c r="H32" s="8">
        <v>1</v>
      </c>
      <c r="I32" s="8">
        <v>1</v>
      </c>
      <c r="J32" s="8">
        <v>1</v>
      </c>
      <c r="K32" s="8">
        <v>1</v>
      </c>
      <c r="L32" s="8">
        <v>1</v>
      </c>
      <c r="M32" s="8">
        <v>1</v>
      </c>
      <c r="N32" s="8">
        <v>1</v>
      </c>
      <c r="O32" s="8">
        <v>1</v>
      </c>
      <c r="P32" s="8">
        <v>1</v>
      </c>
      <c r="Q32" s="8">
        <v>1</v>
      </c>
      <c r="R32" s="8">
        <v>1</v>
      </c>
      <c r="S32" s="8">
        <v>1</v>
      </c>
      <c r="T32" s="8">
        <v>1</v>
      </c>
      <c r="U32" s="8">
        <v>1</v>
      </c>
      <c r="V32" s="8">
        <v>1</v>
      </c>
      <c r="W32" s="8">
        <v>1</v>
      </c>
    </row>
    <row r="33" spans="1:23">
      <c r="A33" s="12" t="s">
        <v>33</v>
      </c>
      <c r="B33" s="16">
        <v>0.05</v>
      </c>
      <c r="C33" s="13">
        <v>0</v>
      </c>
      <c r="D33" s="13">
        <v>0</v>
      </c>
      <c r="E33" s="13">
        <v>0</v>
      </c>
      <c r="F33" s="13">
        <v>0</v>
      </c>
      <c r="G33" s="13">
        <v>0</v>
      </c>
      <c r="H33" s="13">
        <v>0</v>
      </c>
      <c r="I33" s="13">
        <v>0</v>
      </c>
      <c r="J33" s="13">
        <v>0</v>
      </c>
      <c r="K33" s="13">
        <v>0</v>
      </c>
      <c r="L33" s="13">
        <v>0</v>
      </c>
      <c r="M33" s="13">
        <v>0</v>
      </c>
      <c r="N33" s="13">
        <v>0</v>
      </c>
      <c r="O33" s="13">
        <v>0</v>
      </c>
      <c r="P33" s="13">
        <v>0</v>
      </c>
      <c r="Q33" s="13">
        <v>0</v>
      </c>
      <c r="R33" s="13">
        <v>0</v>
      </c>
      <c r="S33" s="13">
        <v>0</v>
      </c>
      <c r="T33" s="13">
        <v>0</v>
      </c>
      <c r="U33" s="13">
        <v>0</v>
      </c>
      <c r="V33" s="13">
        <v>0</v>
      </c>
      <c r="W33" s="13">
        <v>0</v>
      </c>
    </row>
    <row r="34" spans="1:23">
      <c r="A34" s="14" t="s">
        <v>34</v>
      </c>
      <c r="B34" s="14"/>
      <c r="C34" s="15">
        <v>10</v>
      </c>
      <c r="D34" s="15">
        <v>10</v>
      </c>
      <c r="E34" s="15">
        <v>10</v>
      </c>
      <c r="F34" s="15">
        <v>10</v>
      </c>
      <c r="G34" s="15">
        <v>10</v>
      </c>
      <c r="H34" s="15">
        <v>10</v>
      </c>
      <c r="I34" s="15">
        <v>10</v>
      </c>
      <c r="J34" s="15">
        <v>10</v>
      </c>
      <c r="K34" s="15">
        <v>10</v>
      </c>
      <c r="L34" s="15">
        <v>10</v>
      </c>
      <c r="M34" s="15">
        <v>10</v>
      </c>
      <c r="N34" s="15">
        <v>10</v>
      </c>
      <c r="O34" s="15">
        <v>10</v>
      </c>
      <c r="P34" s="15">
        <v>10</v>
      </c>
      <c r="Q34" s="15">
        <v>10</v>
      </c>
      <c r="R34" s="15">
        <v>10</v>
      </c>
      <c r="S34" s="15">
        <v>10</v>
      </c>
      <c r="T34" s="15">
        <v>10</v>
      </c>
      <c r="U34" s="15">
        <v>10</v>
      </c>
      <c r="V34" s="15">
        <v>10</v>
      </c>
      <c r="W34" s="15">
        <v>10</v>
      </c>
    </row>
    <row r="35" spans="1:23">
      <c r="B35" s="17"/>
      <c r="C35" s="17"/>
    </row>
    <row r="36" spans="1:23" ht="18">
      <c r="A36" s="82" t="s">
        <v>94</v>
      </c>
    </row>
    <row r="37" spans="1:23" ht="15.75">
      <c r="A37" s="80" t="s">
        <v>91</v>
      </c>
      <c r="B37" s="1"/>
      <c r="C37" s="81">
        <v>0.05</v>
      </c>
    </row>
    <row r="38" spans="1:23">
      <c r="A38" s="4" t="s">
        <v>0</v>
      </c>
      <c r="B38" s="5"/>
      <c r="C38" s="5" t="s">
        <v>2</v>
      </c>
      <c r="D38" s="5" t="s">
        <v>3</v>
      </c>
      <c r="E38" s="5" t="s">
        <v>4</v>
      </c>
      <c r="F38" s="5" t="s">
        <v>5</v>
      </c>
      <c r="G38" s="5" t="s">
        <v>6</v>
      </c>
      <c r="H38" s="5" t="s">
        <v>7</v>
      </c>
      <c r="I38" s="5" t="s">
        <v>8</v>
      </c>
      <c r="J38" s="5" t="s">
        <v>9</v>
      </c>
      <c r="K38" s="5" t="s">
        <v>10</v>
      </c>
      <c r="L38" s="5" t="s">
        <v>11</v>
      </c>
      <c r="M38" s="5" t="s">
        <v>12</v>
      </c>
      <c r="N38" s="5" t="s">
        <v>13</v>
      </c>
      <c r="O38" s="5" t="s">
        <v>14</v>
      </c>
      <c r="P38" s="5" t="s">
        <v>15</v>
      </c>
      <c r="Q38" s="5" t="s">
        <v>16</v>
      </c>
      <c r="R38" s="5" t="s">
        <v>17</v>
      </c>
      <c r="S38" s="5" t="s">
        <v>18</v>
      </c>
      <c r="T38" s="5" t="s">
        <v>19</v>
      </c>
      <c r="U38" s="5" t="s">
        <v>20</v>
      </c>
      <c r="V38" s="5" t="s">
        <v>21</v>
      </c>
      <c r="W38" s="5" t="s">
        <v>22</v>
      </c>
    </row>
    <row r="39" spans="1:23">
      <c r="A39" s="6" t="s">
        <v>23</v>
      </c>
      <c r="B39" s="7">
        <v>1</v>
      </c>
      <c r="C39" s="8">
        <v>6</v>
      </c>
      <c r="D39" s="8">
        <v>0</v>
      </c>
      <c r="E39" s="8">
        <v>0</v>
      </c>
      <c r="F39" s="8">
        <v>0</v>
      </c>
      <c r="G39" s="8">
        <v>0</v>
      </c>
      <c r="H39" s="8">
        <v>0</v>
      </c>
      <c r="I39" s="8">
        <v>1</v>
      </c>
      <c r="J39" s="8">
        <v>1</v>
      </c>
      <c r="K39" s="8">
        <v>1</v>
      </c>
      <c r="L39" s="8">
        <v>1</v>
      </c>
      <c r="M39" s="8">
        <v>6</v>
      </c>
      <c r="N39" s="8">
        <v>0</v>
      </c>
      <c r="O39" s="8">
        <v>0</v>
      </c>
      <c r="P39" s="8">
        <v>0</v>
      </c>
      <c r="Q39" s="8">
        <v>0</v>
      </c>
      <c r="R39" s="8">
        <v>0</v>
      </c>
      <c r="S39" s="8">
        <v>1</v>
      </c>
      <c r="T39" s="8">
        <v>1</v>
      </c>
      <c r="U39" s="8">
        <v>1</v>
      </c>
      <c r="V39" s="8">
        <v>1</v>
      </c>
      <c r="W39" s="8">
        <v>0</v>
      </c>
    </row>
    <row r="40" spans="1:23">
      <c r="A40" s="9" t="s">
        <v>24</v>
      </c>
      <c r="B40" s="10">
        <v>0.82730000000000004</v>
      </c>
      <c r="C40" s="8">
        <v>1</v>
      </c>
      <c r="D40" s="8">
        <v>6</v>
      </c>
      <c r="E40" s="8">
        <v>0</v>
      </c>
      <c r="F40" s="8">
        <v>0</v>
      </c>
      <c r="G40" s="8">
        <v>0</v>
      </c>
      <c r="H40" s="8">
        <v>0</v>
      </c>
      <c r="I40" s="8">
        <v>0</v>
      </c>
      <c r="J40" s="8">
        <v>1</v>
      </c>
      <c r="K40" s="8">
        <v>1</v>
      </c>
      <c r="L40" s="8">
        <v>1</v>
      </c>
      <c r="M40" s="8">
        <v>1</v>
      </c>
      <c r="N40" s="8">
        <v>6</v>
      </c>
      <c r="O40" s="8">
        <v>0</v>
      </c>
      <c r="P40" s="8">
        <v>0</v>
      </c>
      <c r="Q40" s="8">
        <v>0</v>
      </c>
      <c r="R40" s="8">
        <v>0</v>
      </c>
      <c r="S40" s="8">
        <v>0</v>
      </c>
      <c r="T40" s="8">
        <v>1</v>
      </c>
      <c r="U40" s="8">
        <v>1</v>
      </c>
      <c r="V40" s="8">
        <v>1</v>
      </c>
      <c r="W40" s="8">
        <v>1</v>
      </c>
    </row>
    <row r="41" spans="1:23">
      <c r="A41" s="9" t="s">
        <v>25</v>
      </c>
      <c r="B41" s="10">
        <v>0.67179999999999995</v>
      </c>
      <c r="C41" s="8">
        <v>1</v>
      </c>
      <c r="D41" s="8">
        <v>1</v>
      </c>
      <c r="E41" s="8">
        <v>6</v>
      </c>
      <c r="F41" s="8">
        <v>0</v>
      </c>
      <c r="G41" s="8">
        <v>0</v>
      </c>
      <c r="H41" s="8">
        <v>0</v>
      </c>
      <c r="I41" s="8">
        <v>0</v>
      </c>
      <c r="J41" s="8">
        <v>0</v>
      </c>
      <c r="K41" s="8">
        <v>1</v>
      </c>
      <c r="L41" s="8">
        <v>1</v>
      </c>
      <c r="M41" s="8">
        <v>1</v>
      </c>
      <c r="N41" s="8">
        <v>1</v>
      </c>
      <c r="O41" s="8">
        <v>6</v>
      </c>
      <c r="P41" s="8">
        <v>0</v>
      </c>
      <c r="Q41" s="8">
        <v>0</v>
      </c>
      <c r="R41" s="8">
        <v>0</v>
      </c>
      <c r="S41" s="8">
        <v>0</v>
      </c>
      <c r="T41" s="8">
        <v>0</v>
      </c>
      <c r="U41" s="8">
        <v>1</v>
      </c>
      <c r="V41" s="8">
        <v>1</v>
      </c>
      <c r="W41" s="8">
        <v>1</v>
      </c>
    </row>
    <row r="42" spans="1:23">
      <c r="A42" s="11" t="s">
        <v>26</v>
      </c>
      <c r="B42" s="10">
        <v>0.53359999999999996</v>
      </c>
      <c r="C42" s="8">
        <v>1</v>
      </c>
      <c r="D42" s="8">
        <v>1</v>
      </c>
      <c r="E42" s="8">
        <v>1</v>
      </c>
      <c r="F42" s="8">
        <v>6</v>
      </c>
      <c r="G42" s="8">
        <v>0</v>
      </c>
      <c r="H42" s="8">
        <v>0</v>
      </c>
      <c r="I42" s="8">
        <v>0</v>
      </c>
      <c r="J42" s="8">
        <v>0</v>
      </c>
      <c r="K42" s="8">
        <v>0</v>
      </c>
      <c r="L42" s="8">
        <v>1</v>
      </c>
      <c r="M42" s="8">
        <v>1</v>
      </c>
      <c r="N42" s="8">
        <v>1</v>
      </c>
      <c r="O42" s="8">
        <v>1</v>
      </c>
      <c r="P42" s="8">
        <v>6</v>
      </c>
      <c r="Q42" s="8">
        <v>0</v>
      </c>
      <c r="R42" s="8">
        <v>0</v>
      </c>
      <c r="S42" s="8">
        <v>0</v>
      </c>
      <c r="T42" s="8">
        <v>0</v>
      </c>
      <c r="U42" s="8">
        <v>0</v>
      </c>
      <c r="V42" s="8">
        <v>1</v>
      </c>
      <c r="W42" s="8">
        <v>1</v>
      </c>
    </row>
    <row r="43" spans="1:23">
      <c r="A43" s="9" t="s">
        <v>27</v>
      </c>
      <c r="B43" s="10">
        <v>0.41270000000000001</v>
      </c>
      <c r="C43" s="8">
        <v>1</v>
      </c>
      <c r="D43" s="8">
        <v>1</v>
      </c>
      <c r="E43" s="8">
        <v>1</v>
      </c>
      <c r="F43" s="8">
        <v>1</v>
      </c>
      <c r="G43" s="8">
        <v>6</v>
      </c>
      <c r="H43" s="8">
        <v>0</v>
      </c>
      <c r="I43" s="8">
        <v>0</v>
      </c>
      <c r="J43" s="8">
        <v>0</v>
      </c>
      <c r="K43" s="8">
        <v>0</v>
      </c>
      <c r="L43" s="8">
        <v>0</v>
      </c>
      <c r="M43" s="8">
        <v>1</v>
      </c>
      <c r="N43" s="8">
        <v>1</v>
      </c>
      <c r="O43" s="8">
        <v>1</v>
      </c>
      <c r="P43" s="8">
        <v>1</v>
      </c>
      <c r="Q43" s="8">
        <v>6</v>
      </c>
      <c r="R43" s="8">
        <v>0</v>
      </c>
      <c r="S43" s="8">
        <v>0</v>
      </c>
      <c r="T43" s="8">
        <v>0</v>
      </c>
      <c r="U43" s="8">
        <v>0</v>
      </c>
      <c r="V43" s="8">
        <v>0</v>
      </c>
      <c r="W43" s="8">
        <v>1</v>
      </c>
    </row>
    <row r="44" spans="1:23">
      <c r="A44" s="9" t="s">
        <v>28</v>
      </c>
      <c r="B44" s="10">
        <v>0.30909999999999999</v>
      </c>
      <c r="C44" s="8">
        <v>0</v>
      </c>
      <c r="D44" s="8">
        <v>1</v>
      </c>
      <c r="E44" s="8">
        <v>1</v>
      </c>
      <c r="F44" s="8">
        <v>1</v>
      </c>
      <c r="G44" s="8">
        <v>1</v>
      </c>
      <c r="H44" s="8">
        <v>6</v>
      </c>
      <c r="I44" s="8">
        <v>0</v>
      </c>
      <c r="J44" s="8">
        <v>0</v>
      </c>
      <c r="K44" s="8">
        <v>0</v>
      </c>
      <c r="L44" s="8">
        <v>0</v>
      </c>
      <c r="M44" s="8">
        <v>0</v>
      </c>
      <c r="N44" s="8">
        <v>1</v>
      </c>
      <c r="O44" s="8">
        <v>1</v>
      </c>
      <c r="P44" s="8">
        <v>1</v>
      </c>
      <c r="Q44" s="8">
        <v>1</v>
      </c>
      <c r="R44" s="8">
        <v>6</v>
      </c>
      <c r="S44" s="8">
        <v>0</v>
      </c>
      <c r="T44" s="8">
        <v>0</v>
      </c>
      <c r="U44" s="8">
        <v>0</v>
      </c>
      <c r="V44" s="8">
        <v>0</v>
      </c>
      <c r="W44" s="8">
        <v>0</v>
      </c>
    </row>
    <row r="45" spans="1:23">
      <c r="A45" s="9" t="s">
        <v>29</v>
      </c>
      <c r="B45" s="10">
        <v>0.22270000000000001</v>
      </c>
      <c r="C45" s="8">
        <v>0</v>
      </c>
      <c r="D45" s="8">
        <v>0</v>
      </c>
      <c r="E45" s="8">
        <v>1</v>
      </c>
      <c r="F45" s="8">
        <v>1</v>
      </c>
      <c r="G45" s="8">
        <v>1</v>
      </c>
      <c r="H45" s="8">
        <v>1</v>
      </c>
      <c r="I45" s="8">
        <v>6</v>
      </c>
      <c r="J45" s="8">
        <v>0</v>
      </c>
      <c r="K45" s="8">
        <v>0</v>
      </c>
      <c r="L45" s="8">
        <v>0</v>
      </c>
      <c r="M45" s="8">
        <v>0</v>
      </c>
      <c r="N45" s="8">
        <v>0</v>
      </c>
      <c r="O45" s="8">
        <v>1</v>
      </c>
      <c r="P45" s="8">
        <v>1</v>
      </c>
      <c r="Q45" s="8">
        <v>1</v>
      </c>
      <c r="R45" s="8">
        <v>1</v>
      </c>
      <c r="S45" s="8">
        <v>6</v>
      </c>
      <c r="T45" s="8">
        <v>0</v>
      </c>
      <c r="U45" s="8">
        <v>0</v>
      </c>
      <c r="V45" s="8">
        <v>0</v>
      </c>
      <c r="W45" s="8">
        <v>0</v>
      </c>
    </row>
    <row r="46" spans="1:23">
      <c r="A46" s="9" t="s">
        <v>30</v>
      </c>
      <c r="B46" s="10">
        <v>0.15359999999999999</v>
      </c>
      <c r="C46" s="8">
        <v>0</v>
      </c>
      <c r="D46" s="8">
        <v>0</v>
      </c>
      <c r="E46" s="8">
        <v>0</v>
      </c>
      <c r="F46" s="8">
        <v>1</v>
      </c>
      <c r="G46" s="8">
        <v>1</v>
      </c>
      <c r="H46" s="8">
        <v>1</v>
      </c>
      <c r="I46" s="8">
        <v>1</v>
      </c>
      <c r="J46" s="8">
        <v>6</v>
      </c>
      <c r="K46" s="8">
        <v>0</v>
      </c>
      <c r="L46" s="8">
        <v>0</v>
      </c>
      <c r="M46" s="8">
        <v>0</v>
      </c>
      <c r="N46" s="8">
        <v>0</v>
      </c>
      <c r="O46" s="8">
        <v>0</v>
      </c>
      <c r="P46" s="8">
        <v>1</v>
      </c>
      <c r="Q46" s="8">
        <v>1</v>
      </c>
      <c r="R46" s="8">
        <v>1</v>
      </c>
      <c r="S46" s="8">
        <v>1</v>
      </c>
      <c r="T46" s="8">
        <v>6</v>
      </c>
      <c r="U46" s="8">
        <v>0</v>
      </c>
      <c r="V46" s="8">
        <v>0</v>
      </c>
      <c r="W46" s="8">
        <v>0</v>
      </c>
    </row>
    <row r="47" spans="1:23">
      <c r="A47" s="9" t="s">
        <v>31</v>
      </c>
      <c r="B47" s="10">
        <v>0.1018</v>
      </c>
      <c r="C47" s="8">
        <v>0</v>
      </c>
      <c r="D47" s="8">
        <v>0</v>
      </c>
      <c r="E47" s="8">
        <v>0</v>
      </c>
      <c r="F47" s="8">
        <v>0</v>
      </c>
      <c r="G47" s="8">
        <v>1</v>
      </c>
      <c r="H47" s="8">
        <v>1</v>
      </c>
      <c r="I47" s="8">
        <v>1</v>
      </c>
      <c r="J47" s="8">
        <v>1</v>
      </c>
      <c r="K47" s="8">
        <v>6</v>
      </c>
      <c r="L47" s="8">
        <v>0</v>
      </c>
      <c r="M47" s="8">
        <v>0</v>
      </c>
      <c r="N47" s="8">
        <v>0</v>
      </c>
      <c r="O47" s="8">
        <v>0</v>
      </c>
      <c r="P47" s="8">
        <v>0</v>
      </c>
      <c r="Q47" s="8">
        <v>1</v>
      </c>
      <c r="R47" s="8">
        <v>1</v>
      </c>
      <c r="S47" s="8">
        <v>1</v>
      </c>
      <c r="T47" s="8">
        <v>1</v>
      </c>
      <c r="U47" s="8">
        <v>6</v>
      </c>
      <c r="V47" s="8">
        <v>0</v>
      </c>
      <c r="W47" s="8">
        <v>0</v>
      </c>
    </row>
    <row r="48" spans="1:23">
      <c r="A48" s="9" t="s">
        <v>32</v>
      </c>
      <c r="B48" s="10">
        <v>6.7299999999999999E-2</v>
      </c>
      <c r="C48" s="8">
        <v>0</v>
      </c>
      <c r="D48" s="8">
        <v>0</v>
      </c>
      <c r="E48" s="8">
        <v>0</v>
      </c>
      <c r="F48" s="8">
        <v>0</v>
      </c>
      <c r="G48" s="8">
        <v>0</v>
      </c>
      <c r="H48" s="8">
        <v>1</v>
      </c>
      <c r="I48" s="8">
        <v>1</v>
      </c>
      <c r="J48" s="8">
        <v>1</v>
      </c>
      <c r="K48" s="8">
        <v>1</v>
      </c>
      <c r="L48" s="8">
        <v>6</v>
      </c>
      <c r="M48" s="8">
        <v>0</v>
      </c>
      <c r="N48" s="8">
        <v>0</v>
      </c>
      <c r="O48" s="8">
        <v>0</v>
      </c>
      <c r="P48" s="8">
        <v>0</v>
      </c>
      <c r="Q48" s="8">
        <v>0</v>
      </c>
      <c r="R48" s="8">
        <v>1</v>
      </c>
      <c r="S48" s="8">
        <v>1</v>
      </c>
      <c r="T48" s="8">
        <v>1</v>
      </c>
      <c r="U48" s="8">
        <v>1</v>
      </c>
      <c r="V48" s="8">
        <v>6</v>
      </c>
      <c r="W48" s="8">
        <v>0</v>
      </c>
    </row>
    <row r="49" spans="1:23">
      <c r="A49" s="9" t="s">
        <v>33</v>
      </c>
      <c r="B49" s="7">
        <v>0.05</v>
      </c>
      <c r="C49" s="8">
        <v>0</v>
      </c>
      <c r="D49" s="8">
        <v>0</v>
      </c>
      <c r="E49" s="8">
        <v>0</v>
      </c>
      <c r="F49" s="8">
        <v>0</v>
      </c>
      <c r="G49" s="8">
        <v>0</v>
      </c>
      <c r="H49" s="8">
        <v>0</v>
      </c>
      <c r="I49" s="8">
        <v>0</v>
      </c>
      <c r="J49" s="8">
        <v>0</v>
      </c>
      <c r="K49" s="8">
        <v>0</v>
      </c>
      <c r="L49" s="8">
        <v>0</v>
      </c>
      <c r="M49" s="8">
        <v>0</v>
      </c>
      <c r="N49" s="8">
        <v>0</v>
      </c>
      <c r="O49" s="8">
        <v>0</v>
      </c>
      <c r="P49" s="8">
        <v>0</v>
      </c>
      <c r="Q49" s="8">
        <v>0</v>
      </c>
      <c r="R49" s="8">
        <v>0</v>
      </c>
      <c r="S49" s="8">
        <v>0</v>
      </c>
      <c r="T49" s="8">
        <v>0</v>
      </c>
      <c r="U49" s="8">
        <v>0</v>
      </c>
      <c r="V49" s="8">
        <v>0</v>
      </c>
      <c r="W49" s="8">
        <v>6</v>
      </c>
    </row>
    <row r="50" spans="1:23">
      <c r="A50" s="14" t="s">
        <v>34</v>
      </c>
      <c r="B50" s="14"/>
      <c r="C50" s="15">
        <v>10</v>
      </c>
      <c r="D50" s="15">
        <v>10</v>
      </c>
      <c r="E50" s="15">
        <v>10</v>
      </c>
      <c r="F50" s="15">
        <v>10</v>
      </c>
      <c r="G50" s="15">
        <v>10</v>
      </c>
      <c r="H50" s="15">
        <v>10</v>
      </c>
      <c r="I50" s="15">
        <v>10</v>
      </c>
      <c r="J50" s="15">
        <v>10</v>
      </c>
      <c r="K50" s="15">
        <v>10</v>
      </c>
      <c r="L50" s="15">
        <v>10</v>
      </c>
      <c r="M50" s="15">
        <v>10</v>
      </c>
      <c r="N50" s="15">
        <v>10</v>
      </c>
      <c r="O50" s="15">
        <v>10</v>
      </c>
      <c r="P50" s="15">
        <v>10</v>
      </c>
      <c r="Q50" s="15">
        <v>10</v>
      </c>
      <c r="R50" s="15">
        <v>10</v>
      </c>
      <c r="S50" s="15">
        <v>10</v>
      </c>
      <c r="T50" s="15">
        <v>10</v>
      </c>
      <c r="U50" s="15">
        <v>10</v>
      </c>
      <c r="V50" s="15">
        <v>10</v>
      </c>
      <c r="W50" s="15">
        <v>10</v>
      </c>
    </row>
    <row r="52" spans="1:23" ht="18">
      <c r="A52" s="82" t="s">
        <v>95</v>
      </c>
    </row>
    <row r="53" spans="1:23">
      <c r="A53" s="18" t="s">
        <v>35</v>
      </c>
      <c r="B53" s="19"/>
      <c r="C53" s="19" t="s">
        <v>2</v>
      </c>
      <c r="D53" s="19" t="s">
        <v>3</v>
      </c>
      <c r="E53" s="19" t="s">
        <v>4</v>
      </c>
      <c r="F53" s="19" t="s">
        <v>5</v>
      </c>
      <c r="G53" s="19" t="s">
        <v>6</v>
      </c>
      <c r="H53" s="19" t="s">
        <v>7</v>
      </c>
      <c r="I53" s="19" t="s">
        <v>8</v>
      </c>
      <c r="J53" s="19" t="s">
        <v>9</v>
      </c>
      <c r="K53" s="19" t="s">
        <v>10</v>
      </c>
      <c r="L53" s="19" t="s">
        <v>11</v>
      </c>
      <c r="M53" s="19" t="s">
        <v>12</v>
      </c>
      <c r="N53" s="19" t="s">
        <v>13</v>
      </c>
      <c r="O53" s="19" t="s">
        <v>14</v>
      </c>
      <c r="P53" s="19" t="s">
        <v>15</v>
      </c>
      <c r="Q53" s="19" t="s">
        <v>16</v>
      </c>
      <c r="R53" s="19" t="s">
        <v>17</v>
      </c>
      <c r="S53" s="19" t="s">
        <v>18</v>
      </c>
      <c r="T53" s="19" t="s">
        <v>19</v>
      </c>
      <c r="U53" s="19" t="s">
        <v>20</v>
      </c>
      <c r="V53" s="19" t="s">
        <v>21</v>
      </c>
      <c r="W53" s="20" t="s">
        <v>22</v>
      </c>
    </row>
    <row r="54" spans="1:23">
      <c r="A54" s="21" t="s">
        <v>36</v>
      </c>
      <c r="B54" s="22"/>
      <c r="C54" s="7">
        <v>0.48568571428571433</v>
      </c>
      <c r="D54" s="23">
        <v>1</v>
      </c>
      <c r="E54" s="23">
        <v>1</v>
      </c>
      <c r="F54" s="23">
        <v>1</v>
      </c>
      <c r="G54" s="23">
        <v>1</v>
      </c>
      <c r="H54" s="23">
        <v>1</v>
      </c>
      <c r="I54" s="23">
        <v>1</v>
      </c>
      <c r="J54" s="23">
        <v>1</v>
      </c>
      <c r="K54" s="23">
        <v>1</v>
      </c>
      <c r="L54" s="23">
        <v>1</v>
      </c>
      <c r="M54" s="23">
        <v>1</v>
      </c>
      <c r="N54" s="23">
        <v>1</v>
      </c>
      <c r="O54" s="23">
        <v>1</v>
      </c>
      <c r="P54" s="23">
        <v>1</v>
      </c>
      <c r="Q54" s="23">
        <v>1</v>
      </c>
      <c r="R54" s="23">
        <v>1</v>
      </c>
      <c r="S54" s="23">
        <v>1</v>
      </c>
      <c r="T54" s="23">
        <v>1</v>
      </c>
      <c r="U54" s="23">
        <v>1</v>
      </c>
      <c r="V54" s="23">
        <v>1</v>
      </c>
      <c r="W54" s="24">
        <v>1</v>
      </c>
    </row>
    <row r="55" spans="1:23">
      <c r="A55" s="25" t="s">
        <v>37</v>
      </c>
      <c r="B55" s="12"/>
      <c r="C55" s="13">
        <v>7</v>
      </c>
      <c r="D55" s="13">
        <v>1</v>
      </c>
      <c r="E55" s="13">
        <v>1</v>
      </c>
      <c r="F55" s="13">
        <v>1</v>
      </c>
      <c r="G55" s="13">
        <v>1</v>
      </c>
      <c r="H55" s="13">
        <v>1</v>
      </c>
      <c r="I55" s="13">
        <v>1</v>
      </c>
      <c r="J55" s="13">
        <v>1</v>
      </c>
      <c r="K55" s="13">
        <v>1</v>
      </c>
      <c r="L55" s="13">
        <v>1</v>
      </c>
      <c r="M55" s="13">
        <v>1</v>
      </c>
      <c r="N55" s="13">
        <v>1</v>
      </c>
      <c r="O55" s="13">
        <v>1</v>
      </c>
      <c r="P55" s="13">
        <v>1</v>
      </c>
      <c r="Q55" s="13">
        <v>1</v>
      </c>
      <c r="R55" s="13">
        <v>1</v>
      </c>
      <c r="S55" s="13">
        <v>1</v>
      </c>
      <c r="T55" s="13">
        <v>1</v>
      </c>
      <c r="U55" s="13">
        <v>1</v>
      </c>
      <c r="V55" s="13">
        <v>1</v>
      </c>
      <c r="W55" s="26">
        <v>1</v>
      </c>
    </row>
    <row r="57" spans="1:23">
      <c r="A57" s="18" t="s">
        <v>38</v>
      </c>
      <c r="B57" s="19"/>
      <c r="C57" s="19" t="s">
        <v>2</v>
      </c>
      <c r="D57" s="19" t="s">
        <v>3</v>
      </c>
      <c r="E57" s="19" t="s">
        <v>4</v>
      </c>
      <c r="F57" s="19" t="s">
        <v>5</v>
      </c>
      <c r="G57" s="19" t="s">
        <v>6</v>
      </c>
      <c r="H57" s="19" t="s">
        <v>7</v>
      </c>
      <c r="I57" s="19" t="s">
        <v>8</v>
      </c>
      <c r="J57" s="19" t="s">
        <v>9</v>
      </c>
      <c r="K57" s="19" t="s">
        <v>10</v>
      </c>
      <c r="L57" s="19" t="s">
        <v>11</v>
      </c>
      <c r="M57" s="19" t="s">
        <v>12</v>
      </c>
      <c r="N57" s="19" t="s">
        <v>13</v>
      </c>
      <c r="O57" s="19" t="s">
        <v>14</v>
      </c>
      <c r="P57" s="19" t="s">
        <v>15</v>
      </c>
      <c r="Q57" s="19" t="s">
        <v>16</v>
      </c>
      <c r="R57" s="19" t="s">
        <v>17</v>
      </c>
      <c r="S57" s="19" t="s">
        <v>18</v>
      </c>
      <c r="T57" s="19" t="s">
        <v>19</v>
      </c>
      <c r="U57" s="19" t="s">
        <v>20</v>
      </c>
      <c r="V57" s="19" t="s">
        <v>21</v>
      </c>
      <c r="W57" s="20" t="s">
        <v>22</v>
      </c>
    </row>
    <row r="58" spans="1:23">
      <c r="A58" s="21" t="s">
        <v>36</v>
      </c>
      <c r="B58" s="22"/>
      <c r="C58" s="7">
        <v>0.42999000000000009</v>
      </c>
      <c r="D58" s="23">
        <v>1</v>
      </c>
      <c r="E58" s="23">
        <v>1</v>
      </c>
      <c r="F58" s="23">
        <v>1</v>
      </c>
      <c r="G58" s="23">
        <v>1</v>
      </c>
      <c r="H58" s="23">
        <v>1</v>
      </c>
      <c r="I58" s="23">
        <v>1</v>
      </c>
      <c r="J58" s="23">
        <v>1</v>
      </c>
      <c r="K58" s="23">
        <v>1</v>
      </c>
      <c r="L58" s="23">
        <v>1</v>
      </c>
      <c r="M58" s="23">
        <v>1</v>
      </c>
      <c r="N58" s="23">
        <v>1</v>
      </c>
      <c r="O58" s="23">
        <v>1</v>
      </c>
      <c r="P58" s="23">
        <v>1</v>
      </c>
      <c r="Q58" s="23">
        <v>1</v>
      </c>
      <c r="R58" s="23">
        <v>1</v>
      </c>
      <c r="S58" s="23">
        <v>1</v>
      </c>
      <c r="T58" s="23">
        <v>1</v>
      </c>
      <c r="U58" s="23">
        <v>1</v>
      </c>
      <c r="V58" s="23">
        <v>1</v>
      </c>
      <c r="W58" s="24">
        <v>1</v>
      </c>
    </row>
    <row r="59" spans="1:23">
      <c r="A59" s="25" t="s">
        <v>37</v>
      </c>
      <c r="B59" s="12"/>
      <c r="C59" s="13">
        <v>10</v>
      </c>
      <c r="D59" s="13">
        <v>1</v>
      </c>
      <c r="E59" s="13">
        <v>1</v>
      </c>
      <c r="F59" s="13">
        <v>1</v>
      </c>
      <c r="G59" s="13">
        <v>1</v>
      </c>
      <c r="H59" s="13">
        <v>1</v>
      </c>
      <c r="I59" s="13">
        <v>1</v>
      </c>
      <c r="J59" s="13">
        <v>1</v>
      </c>
      <c r="K59" s="13">
        <v>1</v>
      </c>
      <c r="L59" s="13">
        <v>1</v>
      </c>
      <c r="M59" s="13">
        <v>1</v>
      </c>
      <c r="N59" s="13">
        <v>1</v>
      </c>
      <c r="O59" s="13">
        <v>1</v>
      </c>
      <c r="P59" s="13">
        <v>1</v>
      </c>
      <c r="Q59" s="13">
        <v>1</v>
      </c>
      <c r="R59" s="13">
        <v>1</v>
      </c>
      <c r="S59" s="13">
        <v>1</v>
      </c>
      <c r="T59" s="13">
        <v>1</v>
      </c>
      <c r="U59" s="13">
        <v>1</v>
      </c>
      <c r="V59" s="13">
        <v>1</v>
      </c>
      <c r="W59" s="26">
        <v>1</v>
      </c>
    </row>
    <row r="60" spans="1:23">
      <c r="A60" s="3"/>
    </row>
    <row r="61" spans="1:23">
      <c r="A61" s="18" t="s">
        <v>39</v>
      </c>
      <c r="B61" s="19"/>
      <c r="C61" s="19" t="s">
        <v>2</v>
      </c>
      <c r="D61" s="19" t="s">
        <v>3</v>
      </c>
      <c r="E61" s="19" t="s">
        <v>4</v>
      </c>
      <c r="F61" s="19" t="s">
        <v>5</v>
      </c>
      <c r="G61" s="19" t="s">
        <v>6</v>
      </c>
      <c r="H61" s="19" t="s">
        <v>7</v>
      </c>
      <c r="I61" s="19" t="s">
        <v>8</v>
      </c>
      <c r="J61" s="19" t="s">
        <v>9</v>
      </c>
      <c r="K61" s="19" t="s">
        <v>10</v>
      </c>
      <c r="L61" s="19" t="s">
        <v>11</v>
      </c>
      <c r="M61" s="19" t="s">
        <v>12</v>
      </c>
      <c r="N61" s="19" t="s">
        <v>13</v>
      </c>
      <c r="O61" s="19" t="s">
        <v>14</v>
      </c>
      <c r="P61" s="19" t="s">
        <v>15</v>
      </c>
      <c r="Q61" s="19" t="s">
        <v>16</v>
      </c>
      <c r="R61" s="19" t="s">
        <v>17</v>
      </c>
      <c r="S61" s="19" t="s">
        <v>18</v>
      </c>
      <c r="T61" s="19" t="s">
        <v>19</v>
      </c>
      <c r="U61" s="19" t="s">
        <v>20</v>
      </c>
      <c r="V61" s="19" t="s">
        <v>21</v>
      </c>
      <c r="W61" s="20" t="s">
        <v>22</v>
      </c>
    </row>
    <row r="62" spans="1:23">
      <c r="A62" s="21" t="s">
        <v>36</v>
      </c>
      <c r="B62" s="22"/>
      <c r="C62" s="7">
        <v>0.84453999999999996</v>
      </c>
      <c r="D62" s="23">
        <v>1</v>
      </c>
      <c r="E62" s="23">
        <v>1</v>
      </c>
      <c r="F62" s="23">
        <v>1</v>
      </c>
      <c r="G62" s="23">
        <v>1</v>
      </c>
      <c r="H62" s="23">
        <v>1</v>
      </c>
      <c r="I62" s="23">
        <v>1</v>
      </c>
      <c r="J62" s="23">
        <v>1</v>
      </c>
      <c r="K62" s="23">
        <v>1</v>
      </c>
      <c r="L62" s="23">
        <v>1</v>
      </c>
      <c r="M62" s="23">
        <v>1</v>
      </c>
      <c r="N62" s="23">
        <v>1</v>
      </c>
      <c r="O62" s="23">
        <v>1</v>
      </c>
      <c r="P62" s="23">
        <v>1</v>
      </c>
      <c r="Q62" s="23">
        <v>1</v>
      </c>
      <c r="R62" s="23">
        <v>1</v>
      </c>
      <c r="S62" s="23">
        <v>1</v>
      </c>
      <c r="T62" s="23">
        <v>1</v>
      </c>
      <c r="U62" s="23">
        <v>1</v>
      </c>
      <c r="V62" s="23">
        <v>1</v>
      </c>
      <c r="W62" s="24">
        <v>1</v>
      </c>
    </row>
    <row r="63" spans="1:23">
      <c r="A63" s="25" t="s">
        <v>37</v>
      </c>
      <c r="B63" s="12"/>
      <c r="C63" s="13">
        <v>10</v>
      </c>
      <c r="D63" s="13">
        <v>0</v>
      </c>
      <c r="E63" s="13">
        <v>0</v>
      </c>
      <c r="F63" s="13">
        <v>0</v>
      </c>
      <c r="G63" s="13">
        <v>0</v>
      </c>
      <c r="H63" s="13">
        <v>0</v>
      </c>
      <c r="I63" s="13">
        <v>1</v>
      </c>
      <c r="J63" s="13">
        <v>1</v>
      </c>
      <c r="K63" s="13">
        <v>1</v>
      </c>
      <c r="L63" s="13">
        <v>1</v>
      </c>
      <c r="M63" s="13">
        <v>6</v>
      </c>
      <c r="N63" s="13">
        <v>0</v>
      </c>
      <c r="O63" s="13">
        <v>0</v>
      </c>
      <c r="P63" s="13">
        <v>0</v>
      </c>
      <c r="Q63" s="13">
        <v>0</v>
      </c>
      <c r="R63" s="13">
        <v>0</v>
      </c>
      <c r="S63" s="13">
        <v>1</v>
      </c>
      <c r="T63" s="13">
        <v>1</v>
      </c>
      <c r="U63" s="13">
        <v>1</v>
      </c>
      <c r="V63" s="13">
        <v>1</v>
      </c>
      <c r="W63" s="26">
        <v>0</v>
      </c>
    </row>
    <row r="68" spans="11:11" ht="12.75">
      <c r="K68" s="83"/>
    </row>
    <row r="69" spans="11:11" ht="12.75">
      <c r="K69" s="83"/>
    </row>
    <row r="70" spans="11:11" ht="12.75">
      <c r="K70" s="83"/>
    </row>
    <row r="71" spans="11:11" ht="12.75">
      <c r="K71" s="83"/>
    </row>
    <row r="72" spans="11:11" ht="12.75">
      <c r="K72" s="83"/>
    </row>
    <row r="73" spans="11:11" ht="12.75">
      <c r="K73" s="83"/>
    </row>
    <row r="74" spans="11:11" ht="12.75">
      <c r="K74" s="83"/>
    </row>
    <row r="75" spans="11:11" ht="12.75">
      <c r="K75" s="83"/>
    </row>
    <row r="76" spans="11:11" ht="12.75">
      <c r="K76" s="83"/>
    </row>
    <row r="77" spans="11:11" ht="12.75">
      <c r="K77" s="83"/>
    </row>
    <row r="78" spans="11:11" ht="12.75">
      <c r="K78" s="83"/>
    </row>
    <row r="79" spans="11:11" ht="12.75">
      <c r="K79" s="83"/>
    </row>
    <row r="80" spans="11:11" ht="12.75">
      <c r="K80" s="83"/>
    </row>
    <row r="81" spans="1:23" ht="12.75">
      <c r="K81" s="103" t="s">
        <v>108</v>
      </c>
      <c r="L81" s="83"/>
    </row>
    <row r="82" spans="1:23" ht="12.75">
      <c r="K82" s="83"/>
    </row>
    <row r="83" spans="1:23" ht="12.75">
      <c r="K83" s="83"/>
    </row>
    <row r="84" spans="1:23" ht="12.75">
      <c r="K84" s="83"/>
    </row>
    <row r="85" spans="1:23" ht="18">
      <c r="A85" s="82" t="s">
        <v>96</v>
      </c>
    </row>
    <row r="86" spans="1:23" ht="18">
      <c r="A86" s="82" t="s">
        <v>90</v>
      </c>
    </row>
    <row r="87" spans="1:23" ht="18">
      <c r="A87" s="82" t="s">
        <v>91</v>
      </c>
      <c r="B87" s="1"/>
      <c r="C87" s="81">
        <v>0.1</v>
      </c>
    </row>
    <row r="88" spans="1:23">
      <c r="A88" s="4" t="s">
        <v>0</v>
      </c>
      <c r="B88" s="5" t="s">
        <v>1</v>
      </c>
      <c r="C88" s="5" t="s">
        <v>2</v>
      </c>
      <c r="D88" s="5" t="s">
        <v>3</v>
      </c>
      <c r="E88" s="5" t="s">
        <v>4</v>
      </c>
      <c r="F88" s="5" t="s">
        <v>5</v>
      </c>
      <c r="G88" s="5" t="s">
        <v>6</v>
      </c>
      <c r="H88" s="5" t="s">
        <v>7</v>
      </c>
      <c r="I88" s="5" t="s">
        <v>8</v>
      </c>
      <c r="J88" s="5" t="s">
        <v>9</v>
      </c>
      <c r="K88" s="5" t="s">
        <v>10</v>
      </c>
      <c r="L88" s="5" t="s">
        <v>11</v>
      </c>
      <c r="M88" s="5" t="s">
        <v>12</v>
      </c>
      <c r="N88" s="5" t="s">
        <v>13</v>
      </c>
      <c r="O88" s="5" t="s">
        <v>14</v>
      </c>
      <c r="P88" s="5" t="s">
        <v>15</v>
      </c>
      <c r="Q88" s="5" t="s">
        <v>16</v>
      </c>
      <c r="R88" s="5" t="s">
        <v>17</v>
      </c>
      <c r="S88" s="5" t="s">
        <v>18</v>
      </c>
      <c r="T88" s="5" t="s">
        <v>19</v>
      </c>
      <c r="U88" s="5" t="s">
        <v>20</v>
      </c>
      <c r="V88" s="5" t="s">
        <v>21</v>
      </c>
      <c r="W88" s="5" t="s">
        <v>22</v>
      </c>
    </row>
    <row r="89" spans="1:23" s="9" customFormat="1">
      <c r="A89" s="6" t="s">
        <v>23</v>
      </c>
      <c r="B89" s="7">
        <v>1</v>
      </c>
      <c r="C89" s="8"/>
      <c r="D89" s="8"/>
      <c r="E89" s="8"/>
      <c r="F89" s="8"/>
      <c r="G89" s="8"/>
      <c r="H89" s="8"/>
      <c r="I89" s="8"/>
      <c r="J89" s="8"/>
      <c r="K89" s="8"/>
      <c r="L89" s="8"/>
      <c r="M89" s="8"/>
      <c r="N89" s="8"/>
      <c r="O89" s="8"/>
      <c r="P89" s="8"/>
      <c r="Q89" s="8"/>
      <c r="R89" s="8"/>
      <c r="S89" s="8"/>
      <c r="T89" s="8"/>
      <c r="U89" s="8"/>
      <c r="V89" s="8"/>
      <c r="W89" s="8"/>
    </row>
    <row r="90" spans="1:23" s="9" customFormat="1">
      <c r="A90" s="9" t="s">
        <v>24</v>
      </c>
      <c r="B90" s="10">
        <v>0.77500000000000002</v>
      </c>
      <c r="C90" s="8"/>
      <c r="D90" s="8">
        <v>0</v>
      </c>
      <c r="E90" s="8">
        <v>0</v>
      </c>
      <c r="F90" s="8">
        <v>0</v>
      </c>
      <c r="G90" s="8">
        <v>0</v>
      </c>
      <c r="H90" s="8">
        <v>0</v>
      </c>
      <c r="I90" s="8">
        <v>0</v>
      </c>
      <c r="J90" s="8">
        <v>0</v>
      </c>
      <c r="K90" s="8">
        <v>0</v>
      </c>
      <c r="L90" s="8">
        <v>0</v>
      </c>
      <c r="M90" s="8">
        <v>0</v>
      </c>
      <c r="N90" s="8">
        <v>0</v>
      </c>
      <c r="O90" s="8">
        <v>0</v>
      </c>
      <c r="P90" s="8">
        <v>0</v>
      </c>
      <c r="Q90" s="8">
        <v>0</v>
      </c>
      <c r="R90" s="8">
        <v>0</v>
      </c>
      <c r="S90" s="8">
        <v>0</v>
      </c>
      <c r="T90" s="8">
        <v>0</v>
      </c>
      <c r="U90" s="8">
        <v>0</v>
      </c>
      <c r="V90" s="8">
        <v>0</v>
      </c>
      <c r="W90" s="8">
        <v>1</v>
      </c>
    </row>
    <row r="91" spans="1:23" s="9" customFormat="1">
      <c r="A91" s="9" t="s">
        <v>25</v>
      </c>
      <c r="B91" s="10">
        <v>0.58209999999999995</v>
      </c>
      <c r="C91" s="8"/>
      <c r="D91" s="8">
        <v>0</v>
      </c>
      <c r="E91" s="8">
        <v>0</v>
      </c>
      <c r="F91" s="8">
        <v>0</v>
      </c>
      <c r="G91" s="8">
        <v>0</v>
      </c>
      <c r="H91" s="8">
        <v>0</v>
      </c>
      <c r="I91" s="8">
        <v>0</v>
      </c>
      <c r="J91" s="8">
        <v>0</v>
      </c>
      <c r="K91" s="8">
        <v>0</v>
      </c>
      <c r="L91" s="8">
        <v>0</v>
      </c>
      <c r="M91" s="8">
        <v>0</v>
      </c>
      <c r="N91" s="8">
        <v>0</v>
      </c>
      <c r="O91" s="8">
        <v>0</v>
      </c>
      <c r="P91" s="8">
        <v>0</v>
      </c>
      <c r="Q91" s="8">
        <v>0</v>
      </c>
      <c r="R91" s="8">
        <v>0</v>
      </c>
      <c r="S91" s="8">
        <v>0</v>
      </c>
      <c r="T91" s="8">
        <v>0</v>
      </c>
      <c r="U91" s="8">
        <v>0</v>
      </c>
      <c r="V91" s="8">
        <v>0</v>
      </c>
      <c r="W91" s="8">
        <v>1</v>
      </c>
    </row>
    <row r="92" spans="1:23" s="9" customFormat="1">
      <c r="A92" s="11" t="s">
        <v>26</v>
      </c>
      <c r="B92" s="10">
        <v>0.4214</v>
      </c>
      <c r="C92" s="8"/>
      <c r="D92" s="8">
        <v>0</v>
      </c>
      <c r="E92" s="8">
        <v>0</v>
      </c>
      <c r="F92" s="8">
        <v>0</v>
      </c>
      <c r="G92" s="8">
        <v>0</v>
      </c>
      <c r="H92" s="8">
        <v>0</v>
      </c>
      <c r="I92" s="8">
        <v>0</v>
      </c>
      <c r="J92" s="8">
        <v>0</v>
      </c>
      <c r="K92" s="8">
        <v>0</v>
      </c>
      <c r="L92" s="8">
        <v>0</v>
      </c>
      <c r="M92" s="8">
        <v>0</v>
      </c>
      <c r="N92" s="8">
        <v>0</v>
      </c>
      <c r="O92" s="8">
        <v>0</v>
      </c>
      <c r="P92" s="8">
        <v>0</v>
      </c>
      <c r="Q92" s="8">
        <v>0</v>
      </c>
      <c r="R92" s="8">
        <v>0</v>
      </c>
      <c r="S92" s="8">
        <v>0</v>
      </c>
      <c r="T92" s="8">
        <v>0</v>
      </c>
      <c r="U92" s="8">
        <v>0</v>
      </c>
      <c r="V92" s="8">
        <v>0</v>
      </c>
      <c r="W92" s="8">
        <v>1</v>
      </c>
    </row>
    <row r="93" spans="1:23" s="9" customFormat="1">
      <c r="A93" s="9" t="s">
        <v>27</v>
      </c>
      <c r="B93" s="10">
        <v>0.2928</v>
      </c>
      <c r="C93" s="8"/>
      <c r="D93" s="8">
        <v>0</v>
      </c>
      <c r="E93" s="8">
        <v>0</v>
      </c>
      <c r="F93" s="8">
        <v>0</v>
      </c>
      <c r="G93" s="8">
        <v>0</v>
      </c>
      <c r="H93" s="8">
        <v>0</v>
      </c>
      <c r="I93" s="8">
        <v>0</v>
      </c>
      <c r="J93" s="8">
        <v>0</v>
      </c>
      <c r="K93" s="8">
        <v>0</v>
      </c>
      <c r="L93" s="8">
        <v>0</v>
      </c>
      <c r="M93" s="8">
        <v>0</v>
      </c>
      <c r="N93" s="8">
        <v>0</v>
      </c>
      <c r="O93" s="8">
        <v>0</v>
      </c>
      <c r="P93" s="8">
        <v>0</v>
      </c>
      <c r="Q93" s="8">
        <v>0</v>
      </c>
      <c r="R93" s="8">
        <v>0</v>
      </c>
      <c r="S93" s="8">
        <v>0</v>
      </c>
      <c r="T93" s="8">
        <v>0</v>
      </c>
      <c r="U93" s="8">
        <v>0</v>
      </c>
      <c r="V93" s="8">
        <v>0</v>
      </c>
      <c r="W93" s="8">
        <v>1</v>
      </c>
    </row>
    <row r="94" spans="1:23" s="9" customFormat="1">
      <c r="A94" s="9" t="s">
        <v>28</v>
      </c>
      <c r="B94" s="10">
        <v>0.19639999999999999</v>
      </c>
      <c r="C94" s="8"/>
      <c r="D94" s="8">
        <v>0</v>
      </c>
      <c r="E94" s="8">
        <v>0</v>
      </c>
      <c r="F94" s="8">
        <v>0</v>
      </c>
      <c r="G94" s="8">
        <v>0</v>
      </c>
      <c r="H94" s="8">
        <v>0</v>
      </c>
      <c r="I94" s="8">
        <v>0</v>
      </c>
      <c r="J94" s="8">
        <v>0</v>
      </c>
      <c r="K94" s="8">
        <v>0</v>
      </c>
      <c r="L94" s="8">
        <v>0</v>
      </c>
      <c r="M94" s="8">
        <v>0</v>
      </c>
      <c r="N94" s="8">
        <v>0</v>
      </c>
      <c r="O94" s="8">
        <v>0</v>
      </c>
      <c r="P94" s="8">
        <v>0</v>
      </c>
      <c r="Q94" s="8">
        <v>0</v>
      </c>
      <c r="R94" s="8">
        <v>0</v>
      </c>
      <c r="S94" s="8">
        <v>0</v>
      </c>
      <c r="T94" s="8">
        <v>0</v>
      </c>
      <c r="U94" s="8">
        <v>0</v>
      </c>
      <c r="V94" s="8">
        <v>0</v>
      </c>
      <c r="W94" s="8">
        <v>1</v>
      </c>
    </row>
    <row r="95" spans="1:23" s="9" customFormat="1">
      <c r="A95" s="9" t="s">
        <v>29</v>
      </c>
      <c r="B95" s="10">
        <v>0.1321</v>
      </c>
      <c r="C95" s="8"/>
      <c r="D95" s="8">
        <v>0</v>
      </c>
      <c r="E95" s="8">
        <v>0</v>
      </c>
      <c r="F95" s="8">
        <v>0</v>
      </c>
      <c r="G95" s="8">
        <v>0</v>
      </c>
      <c r="H95" s="8">
        <v>0</v>
      </c>
      <c r="I95" s="8">
        <v>0</v>
      </c>
      <c r="J95" s="8">
        <v>0</v>
      </c>
      <c r="K95" s="8">
        <v>0</v>
      </c>
      <c r="L95" s="8">
        <v>0</v>
      </c>
      <c r="M95" s="8">
        <v>0</v>
      </c>
      <c r="N95" s="8">
        <v>0</v>
      </c>
      <c r="O95" s="8">
        <v>0</v>
      </c>
      <c r="P95" s="8">
        <v>0</v>
      </c>
      <c r="Q95" s="8">
        <v>0</v>
      </c>
      <c r="R95" s="8">
        <v>0</v>
      </c>
      <c r="S95" s="8">
        <v>0</v>
      </c>
      <c r="T95" s="8">
        <v>0</v>
      </c>
      <c r="U95" s="8">
        <v>0</v>
      </c>
      <c r="V95" s="8">
        <v>0</v>
      </c>
      <c r="W95" s="8">
        <v>1</v>
      </c>
    </row>
    <row r="96" spans="1:23" s="9" customFormat="1">
      <c r="A96" s="9" t="s">
        <v>30</v>
      </c>
      <c r="B96" s="10">
        <v>0.1</v>
      </c>
      <c r="C96" s="8"/>
      <c r="D96" s="8">
        <v>1</v>
      </c>
      <c r="E96" s="8">
        <v>1</v>
      </c>
      <c r="F96" s="8">
        <v>1</v>
      </c>
      <c r="G96" s="8">
        <v>1</v>
      </c>
      <c r="H96" s="8">
        <v>1</v>
      </c>
      <c r="I96" s="8">
        <v>1</v>
      </c>
      <c r="J96" s="8">
        <v>1</v>
      </c>
      <c r="K96" s="8">
        <v>1</v>
      </c>
      <c r="L96" s="8">
        <v>1</v>
      </c>
      <c r="M96" s="8">
        <v>1</v>
      </c>
      <c r="N96" s="8">
        <v>1</v>
      </c>
      <c r="O96" s="8">
        <v>1</v>
      </c>
      <c r="P96" s="8">
        <v>1</v>
      </c>
      <c r="Q96" s="8">
        <v>1</v>
      </c>
      <c r="R96" s="8">
        <v>1</v>
      </c>
      <c r="S96" s="8">
        <v>1</v>
      </c>
      <c r="T96" s="8">
        <v>1</v>
      </c>
      <c r="U96" s="8">
        <v>1</v>
      </c>
      <c r="V96" s="8">
        <v>1</v>
      </c>
      <c r="W96" s="8">
        <v>2</v>
      </c>
    </row>
    <row r="97" spans="1:23" s="9" customFormat="1">
      <c r="A97" s="9" t="s">
        <v>31</v>
      </c>
      <c r="B97" s="10">
        <v>0.1</v>
      </c>
      <c r="C97" s="8"/>
      <c r="D97" s="8">
        <v>0</v>
      </c>
      <c r="E97" s="8">
        <v>0</v>
      </c>
      <c r="F97" s="8">
        <v>0</v>
      </c>
      <c r="G97" s="8">
        <v>0</v>
      </c>
      <c r="H97" s="8">
        <v>0</v>
      </c>
      <c r="I97" s="8">
        <v>0</v>
      </c>
      <c r="J97" s="8">
        <v>0</v>
      </c>
      <c r="K97" s="8">
        <v>0</v>
      </c>
      <c r="L97" s="8">
        <v>0</v>
      </c>
      <c r="M97" s="8">
        <v>0</v>
      </c>
      <c r="N97" s="8">
        <v>0</v>
      </c>
      <c r="O97" s="8">
        <v>0</v>
      </c>
      <c r="P97" s="8">
        <v>0</v>
      </c>
      <c r="Q97" s="8">
        <v>0</v>
      </c>
      <c r="R97" s="8">
        <v>0</v>
      </c>
      <c r="S97" s="8">
        <v>0</v>
      </c>
      <c r="T97" s="8">
        <v>0</v>
      </c>
      <c r="U97" s="8">
        <v>0</v>
      </c>
      <c r="V97" s="8">
        <v>0</v>
      </c>
      <c r="W97" s="8">
        <v>0</v>
      </c>
    </row>
    <row r="98" spans="1:23" s="9" customFormat="1">
      <c r="A98" s="9" t="s">
        <v>32</v>
      </c>
      <c r="B98" s="10">
        <v>0.1</v>
      </c>
      <c r="C98" s="8"/>
      <c r="D98" s="8">
        <v>0</v>
      </c>
      <c r="E98" s="8">
        <v>0</v>
      </c>
      <c r="F98" s="8">
        <v>0</v>
      </c>
      <c r="G98" s="8">
        <v>0</v>
      </c>
      <c r="H98" s="8">
        <v>0</v>
      </c>
      <c r="I98" s="8">
        <v>0</v>
      </c>
      <c r="J98" s="8">
        <v>0</v>
      </c>
      <c r="K98" s="8">
        <v>0</v>
      </c>
      <c r="L98" s="8">
        <v>0</v>
      </c>
      <c r="M98" s="8">
        <v>0</v>
      </c>
      <c r="N98" s="8">
        <v>0</v>
      </c>
      <c r="O98" s="8">
        <v>0</v>
      </c>
      <c r="P98" s="8">
        <v>0</v>
      </c>
      <c r="Q98" s="8">
        <v>0</v>
      </c>
      <c r="R98" s="8">
        <v>0</v>
      </c>
      <c r="S98" s="8">
        <v>0</v>
      </c>
      <c r="T98" s="8">
        <v>0</v>
      </c>
      <c r="U98" s="8">
        <v>0</v>
      </c>
      <c r="V98" s="8">
        <v>0</v>
      </c>
      <c r="W98" s="8">
        <v>0</v>
      </c>
    </row>
    <row r="99" spans="1:23" s="9" customFormat="1">
      <c r="A99" s="12" t="s">
        <v>33</v>
      </c>
      <c r="B99" s="12"/>
      <c r="C99" s="13"/>
      <c r="D99" s="13">
        <v>0</v>
      </c>
      <c r="E99" s="13">
        <v>0</v>
      </c>
      <c r="F99" s="13">
        <v>0</v>
      </c>
      <c r="G99" s="13">
        <v>0</v>
      </c>
      <c r="H99" s="13">
        <v>0</v>
      </c>
      <c r="I99" s="13">
        <v>0</v>
      </c>
      <c r="J99" s="13">
        <v>0</v>
      </c>
      <c r="K99" s="13">
        <v>0</v>
      </c>
      <c r="L99" s="13">
        <v>0</v>
      </c>
      <c r="M99" s="13">
        <v>0</v>
      </c>
      <c r="N99" s="13">
        <v>0</v>
      </c>
      <c r="O99" s="13">
        <v>0</v>
      </c>
      <c r="P99" s="13">
        <v>0</v>
      </c>
      <c r="Q99" s="13">
        <v>0</v>
      </c>
      <c r="R99" s="13">
        <v>0</v>
      </c>
      <c r="S99" s="13">
        <v>0</v>
      </c>
      <c r="T99" s="13">
        <v>0</v>
      </c>
      <c r="U99" s="13">
        <v>0</v>
      </c>
      <c r="V99" s="13">
        <v>0</v>
      </c>
      <c r="W99" s="13">
        <v>0</v>
      </c>
    </row>
    <row r="100" spans="1:23" s="9" customFormat="1">
      <c r="A100" s="14" t="s">
        <v>34</v>
      </c>
      <c r="B100" s="14"/>
      <c r="C100" s="15"/>
      <c r="D100" s="15">
        <v>1</v>
      </c>
      <c r="E100" s="15">
        <v>1</v>
      </c>
      <c r="F100" s="15">
        <v>1</v>
      </c>
      <c r="G100" s="15">
        <v>1</v>
      </c>
      <c r="H100" s="15">
        <v>1</v>
      </c>
      <c r="I100" s="15">
        <v>1</v>
      </c>
      <c r="J100" s="15">
        <v>1</v>
      </c>
      <c r="K100" s="15">
        <v>1</v>
      </c>
      <c r="L100" s="15">
        <v>1</v>
      </c>
      <c r="M100" s="15">
        <v>1</v>
      </c>
      <c r="N100" s="15">
        <v>1</v>
      </c>
      <c r="O100" s="15">
        <v>1</v>
      </c>
      <c r="P100" s="15">
        <v>1</v>
      </c>
      <c r="Q100" s="15">
        <v>1</v>
      </c>
      <c r="R100" s="15">
        <v>1</v>
      </c>
      <c r="S100" s="15">
        <v>1</v>
      </c>
      <c r="T100" s="15">
        <v>1</v>
      </c>
      <c r="U100" s="15">
        <v>1</v>
      </c>
      <c r="V100" s="15">
        <v>1</v>
      </c>
      <c r="W100" s="15">
        <v>8</v>
      </c>
    </row>
    <row r="101" spans="1:23" s="9" customFormat="1">
      <c r="A101" s="78"/>
      <c r="B101" s="78"/>
      <c r="C101" s="79"/>
      <c r="D101" s="79"/>
      <c r="E101" s="79"/>
      <c r="F101" s="79"/>
      <c r="G101" s="79"/>
      <c r="H101" s="79"/>
      <c r="I101" s="79"/>
      <c r="J101" s="79"/>
      <c r="K101" s="79"/>
      <c r="L101" s="79"/>
      <c r="M101" s="79"/>
      <c r="N101" s="79"/>
      <c r="O101" s="79"/>
      <c r="P101" s="79"/>
      <c r="Q101" s="79"/>
      <c r="R101" s="79"/>
      <c r="S101" s="79"/>
      <c r="T101" s="79"/>
      <c r="U101" s="79"/>
      <c r="V101" s="79"/>
      <c r="W101" s="79"/>
    </row>
    <row r="103" spans="1:23" ht="18">
      <c r="A103" s="82" t="s">
        <v>93</v>
      </c>
    </row>
    <row r="104" spans="1:23" ht="15.75">
      <c r="A104" s="80" t="s">
        <v>91</v>
      </c>
      <c r="B104" s="80"/>
      <c r="C104" s="81">
        <v>0.05</v>
      </c>
    </row>
    <row r="105" spans="1:23">
      <c r="A105" s="4" t="s">
        <v>0</v>
      </c>
      <c r="B105" s="5"/>
      <c r="C105" s="5" t="s">
        <v>2</v>
      </c>
      <c r="D105" s="5" t="s">
        <v>3</v>
      </c>
      <c r="E105" s="5" t="s">
        <v>4</v>
      </c>
      <c r="F105" s="5" t="s">
        <v>5</v>
      </c>
      <c r="G105" s="5" t="s">
        <v>6</v>
      </c>
      <c r="H105" s="5" t="s">
        <v>7</v>
      </c>
      <c r="I105" s="5" t="s">
        <v>8</v>
      </c>
      <c r="J105" s="5" t="s">
        <v>9</v>
      </c>
      <c r="K105" s="5" t="s">
        <v>10</v>
      </c>
      <c r="L105" s="5" t="s">
        <v>11</v>
      </c>
      <c r="M105" s="5" t="s">
        <v>12</v>
      </c>
      <c r="N105" s="5" t="s">
        <v>13</v>
      </c>
      <c r="O105" s="5" t="s">
        <v>14</v>
      </c>
      <c r="P105" s="5" t="s">
        <v>15</v>
      </c>
      <c r="Q105" s="5" t="s">
        <v>16</v>
      </c>
      <c r="R105" s="5" t="s">
        <v>17</v>
      </c>
      <c r="S105" s="5" t="s">
        <v>18</v>
      </c>
      <c r="T105" s="5" t="s">
        <v>19</v>
      </c>
      <c r="U105" s="5" t="s">
        <v>20</v>
      </c>
      <c r="V105" s="5" t="s">
        <v>21</v>
      </c>
      <c r="W105" s="5" t="s">
        <v>22</v>
      </c>
    </row>
    <row r="106" spans="1:23" s="9" customFormat="1">
      <c r="A106" s="6" t="s">
        <v>23</v>
      </c>
      <c r="B106" s="7">
        <v>1</v>
      </c>
      <c r="C106" s="8"/>
      <c r="D106" s="8"/>
      <c r="E106" s="8"/>
      <c r="F106" s="8"/>
      <c r="G106" s="8"/>
      <c r="H106" s="8"/>
      <c r="I106" s="8"/>
      <c r="J106" s="8"/>
      <c r="K106" s="8"/>
      <c r="L106" s="8"/>
      <c r="M106" s="8"/>
      <c r="N106" s="8"/>
      <c r="O106" s="8"/>
      <c r="P106" s="8"/>
      <c r="Q106" s="8"/>
      <c r="R106" s="8"/>
      <c r="S106" s="8"/>
      <c r="T106" s="8"/>
      <c r="U106" s="8"/>
      <c r="V106" s="8"/>
      <c r="W106" s="8"/>
    </row>
    <row r="107" spans="1:23" s="9" customFormat="1">
      <c r="A107" s="9" t="s">
        <v>24</v>
      </c>
      <c r="B107" s="10">
        <v>0.82730000000000004</v>
      </c>
      <c r="C107" s="8"/>
      <c r="D107" s="8">
        <v>0</v>
      </c>
      <c r="E107" s="8">
        <v>0</v>
      </c>
      <c r="F107" s="8">
        <v>0</v>
      </c>
      <c r="G107" s="8">
        <v>0</v>
      </c>
      <c r="H107" s="8">
        <v>0</v>
      </c>
      <c r="I107" s="8">
        <v>0</v>
      </c>
      <c r="J107" s="8">
        <v>0</v>
      </c>
      <c r="K107" s="8">
        <v>0</v>
      </c>
      <c r="L107" s="8">
        <v>0</v>
      </c>
      <c r="M107" s="8">
        <v>0</v>
      </c>
      <c r="N107" s="8">
        <v>0</v>
      </c>
      <c r="O107" s="8">
        <v>0</v>
      </c>
      <c r="P107" s="8">
        <v>0</v>
      </c>
      <c r="Q107" s="8">
        <v>0</v>
      </c>
      <c r="R107" s="8">
        <v>0</v>
      </c>
      <c r="S107" s="8">
        <v>0</v>
      </c>
      <c r="T107" s="8">
        <v>0</v>
      </c>
      <c r="U107" s="8">
        <v>0</v>
      </c>
      <c r="V107" s="8">
        <v>0</v>
      </c>
      <c r="W107" s="8">
        <v>1</v>
      </c>
    </row>
    <row r="108" spans="1:23" s="9" customFormat="1">
      <c r="A108" s="9" t="s">
        <v>25</v>
      </c>
      <c r="B108" s="10">
        <v>0.67179999999999995</v>
      </c>
      <c r="C108" s="8"/>
      <c r="D108" s="8">
        <v>0</v>
      </c>
      <c r="E108" s="8">
        <v>0</v>
      </c>
      <c r="F108" s="8">
        <v>0</v>
      </c>
      <c r="G108" s="8">
        <v>0</v>
      </c>
      <c r="H108" s="8">
        <v>0</v>
      </c>
      <c r="I108" s="8">
        <v>0</v>
      </c>
      <c r="J108" s="8">
        <v>0</v>
      </c>
      <c r="K108" s="8">
        <v>0</v>
      </c>
      <c r="L108" s="8">
        <v>0</v>
      </c>
      <c r="M108" s="8">
        <v>0</v>
      </c>
      <c r="N108" s="8">
        <v>0</v>
      </c>
      <c r="O108" s="8">
        <v>0</v>
      </c>
      <c r="P108" s="8">
        <v>0</v>
      </c>
      <c r="Q108" s="8">
        <v>0</v>
      </c>
      <c r="R108" s="8">
        <v>0</v>
      </c>
      <c r="S108" s="8">
        <v>0</v>
      </c>
      <c r="T108" s="8">
        <v>0</v>
      </c>
      <c r="U108" s="8">
        <v>0</v>
      </c>
      <c r="V108" s="8">
        <v>0</v>
      </c>
      <c r="W108" s="8">
        <v>1</v>
      </c>
    </row>
    <row r="109" spans="1:23" s="9" customFormat="1">
      <c r="A109" s="11" t="s">
        <v>26</v>
      </c>
      <c r="B109" s="10">
        <v>0.53359999999999996</v>
      </c>
      <c r="C109" s="8"/>
      <c r="D109" s="8">
        <v>0</v>
      </c>
      <c r="E109" s="8">
        <v>0</v>
      </c>
      <c r="F109" s="8">
        <v>0</v>
      </c>
      <c r="G109" s="8">
        <v>0</v>
      </c>
      <c r="H109" s="8">
        <v>0</v>
      </c>
      <c r="I109" s="8">
        <v>0</v>
      </c>
      <c r="J109" s="8">
        <v>0</v>
      </c>
      <c r="K109" s="8">
        <v>0</v>
      </c>
      <c r="L109" s="8">
        <v>0</v>
      </c>
      <c r="M109" s="8">
        <v>0</v>
      </c>
      <c r="N109" s="8">
        <v>0</v>
      </c>
      <c r="O109" s="8">
        <v>0</v>
      </c>
      <c r="P109" s="8">
        <v>0</v>
      </c>
      <c r="Q109" s="8">
        <v>0</v>
      </c>
      <c r="R109" s="8">
        <v>0</v>
      </c>
      <c r="S109" s="8">
        <v>0</v>
      </c>
      <c r="T109" s="8">
        <v>0</v>
      </c>
      <c r="U109" s="8">
        <v>0</v>
      </c>
      <c r="V109" s="8">
        <v>0</v>
      </c>
      <c r="W109" s="8">
        <v>1</v>
      </c>
    </row>
    <row r="110" spans="1:23" s="9" customFormat="1">
      <c r="A110" s="9" t="s">
        <v>27</v>
      </c>
      <c r="B110" s="10">
        <v>0.41270000000000001</v>
      </c>
      <c r="C110" s="8"/>
      <c r="D110" s="8">
        <v>0</v>
      </c>
      <c r="E110" s="8">
        <v>0</v>
      </c>
      <c r="F110" s="8">
        <v>0</v>
      </c>
      <c r="G110" s="8">
        <v>0</v>
      </c>
      <c r="H110" s="8">
        <v>0</v>
      </c>
      <c r="I110" s="8">
        <v>0</v>
      </c>
      <c r="J110" s="8">
        <v>0</v>
      </c>
      <c r="K110" s="8">
        <v>0</v>
      </c>
      <c r="L110" s="8">
        <v>0</v>
      </c>
      <c r="M110" s="8">
        <v>0</v>
      </c>
      <c r="N110" s="8">
        <v>0</v>
      </c>
      <c r="O110" s="8">
        <v>0</v>
      </c>
      <c r="P110" s="8">
        <v>0</v>
      </c>
      <c r="Q110" s="8">
        <v>0</v>
      </c>
      <c r="R110" s="8">
        <v>0</v>
      </c>
      <c r="S110" s="8">
        <v>0</v>
      </c>
      <c r="T110" s="8">
        <v>0</v>
      </c>
      <c r="U110" s="8">
        <v>0</v>
      </c>
      <c r="V110" s="8">
        <v>0</v>
      </c>
      <c r="W110" s="8">
        <v>1</v>
      </c>
    </row>
    <row r="111" spans="1:23" s="9" customFormat="1">
      <c r="A111" s="9" t="s">
        <v>28</v>
      </c>
      <c r="B111" s="10">
        <v>0.30909999999999999</v>
      </c>
      <c r="C111" s="8"/>
      <c r="D111" s="8">
        <v>0</v>
      </c>
      <c r="E111" s="8">
        <v>0</v>
      </c>
      <c r="F111" s="8">
        <v>0</v>
      </c>
      <c r="G111" s="8">
        <v>0</v>
      </c>
      <c r="H111" s="8">
        <v>0</v>
      </c>
      <c r="I111" s="8">
        <v>0</v>
      </c>
      <c r="J111" s="8">
        <v>0</v>
      </c>
      <c r="K111" s="8">
        <v>0</v>
      </c>
      <c r="L111" s="8">
        <v>0</v>
      </c>
      <c r="M111" s="8">
        <v>0</v>
      </c>
      <c r="N111" s="8">
        <v>0</v>
      </c>
      <c r="O111" s="8">
        <v>0</v>
      </c>
      <c r="P111" s="8">
        <v>0</v>
      </c>
      <c r="Q111" s="8">
        <v>0</v>
      </c>
      <c r="R111" s="8">
        <v>0</v>
      </c>
      <c r="S111" s="8">
        <v>0</v>
      </c>
      <c r="T111" s="8">
        <v>0</v>
      </c>
      <c r="U111" s="8">
        <v>0</v>
      </c>
      <c r="V111" s="8">
        <v>0</v>
      </c>
      <c r="W111" s="8">
        <v>1</v>
      </c>
    </row>
    <row r="112" spans="1:23" s="9" customFormat="1">
      <c r="A112" s="9" t="s">
        <v>29</v>
      </c>
      <c r="B112" s="10">
        <v>0.22270000000000001</v>
      </c>
      <c r="C112" s="8"/>
      <c r="D112" s="8">
        <v>0</v>
      </c>
      <c r="E112" s="8">
        <v>0</v>
      </c>
      <c r="F112" s="8">
        <v>0</v>
      </c>
      <c r="G112" s="8">
        <v>0</v>
      </c>
      <c r="H112" s="8">
        <v>0</v>
      </c>
      <c r="I112" s="8">
        <v>0</v>
      </c>
      <c r="J112" s="8">
        <v>0</v>
      </c>
      <c r="K112" s="8">
        <v>0</v>
      </c>
      <c r="L112" s="8">
        <v>0</v>
      </c>
      <c r="M112" s="8">
        <v>0</v>
      </c>
      <c r="N112" s="8">
        <v>0</v>
      </c>
      <c r="O112" s="8">
        <v>0</v>
      </c>
      <c r="P112" s="8">
        <v>0</v>
      </c>
      <c r="Q112" s="8">
        <v>0</v>
      </c>
      <c r="R112" s="8">
        <v>0</v>
      </c>
      <c r="S112" s="8">
        <v>0</v>
      </c>
      <c r="T112" s="8">
        <v>0</v>
      </c>
      <c r="U112" s="8">
        <v>0</v>
      </c>
      <c r="V112" s="8">
        <v>0</v>
      </c>
      <c r="W112" s="8">
        <v>1</v>
      </c>
    </row>
    <row r="113" spans="1:23" s="9" customFormat="1">
      <c r="A113" s="9" t="s">
        <v>30</v>
      </c>
      <c r="B113" s="10">
        <v>0.15359999999999999</v>
      </c>
      <c r="C113" s="8"/>
      <c r="D113" s="8">
        <v>0</v>
      </c>
      <c r="E113" s="8">
        <v>0</v>
      </c>
      <c r="F113" s="8">
        <v>0</v>
      </c>
      <c r="G113" s="8">
        <v>0</v>
      </c>
      <c r="H113" s="8">
        <v>0</v>
      </c>
      <c r="I113" s="8">
        <v>0</v>
      </c>
      <c r="J113" s="8">
        <v>0</v>
      </c>
      <c r="K113" s="8">
        <v>0</v>
      </c>
      <c r="L113" s="8">
        <v>0</v>
      </c>
      <c r="M113" s="8">
        <v>0</v>
      </c>
      <c r="N113" s="8">
        <v>0</v>
      </c>
      <c r="O113" s="8">
        <v>0</v>
      </c>
      <c r="P113" s="8">
        <v>0</v>
      </c>
      <c r="Q113" s="8">
        <v>0</v>
      </c>
      <c r="R113" s="8">
        <v>0</v>
      </c>
      <c r="S113" s="8">
        <v>0</v>
      </c>
      <c r="T113" s="8">
        <v>0</v>
      </c>
      <c r="U113" s="8">
        <v>0</v>
      </c>
      <c r="V113" s="8">
        <v>0</v>
      </c>
      <c r="W113" s="8">
        <v>1</v>
      </c>
    </row>
    <row r="114" spans="1:23" s="9" customFormat="1">
      <c r="A114" s="9" t="s">
        <v>31</v>
      </c>
      <c r="B114" s="10">
        <v>0.1018</v>
      </c>
      <c r="C114" s="8"/>
      <c r="D114" s="8">
        <v>0</v>
      </c>
      <c r="E114" s="8">
        <v>0</v>
      </c>
      <c r="F114" s="8">
        <v>0</v>
      </c>
      <c r="G114" s="8">
        <v>0</v>
      </c>
      <c r="H114" s="8">
        <v>0</v>
      </c>
      <c r="I114" s="8">
        <v>0</v>
      </c>
      <c r="J114" s="8">
        <v>0</v>
      </c>
      <c r="K114" s="8">
        <v>0</v>
      </c>
      <c r="L114" s="8">
        <v>0</v>
      </c>
      <c r="M114" s="8">
        <v>0</v>
      </c>
      <c r="N114" s="8">
        <v>0</v>
      </c>
      <c r="O114" s="8">
        <v>0</v>
      </c>
      <c r="P114" s="8">
        <v>0</v>
      </c>
      <c r="Q114" s="8">
        <v>0</v>
      </c>
      <c r="R114" s="8">
        <v>0</v>
      </c>
      <c r="S114" s="8">
        <v>0</v>
      </c>
      <c r="T114" s="8">
        <v>0</v>
      </c>
      <c r="U114" s="8">
        <v>0</v>
      </c>
      <c r="V114" s="8">
        <v>0</v>
      </c>
      <c r="W114" s="8">
        <v>1</v>
      </c>
    </row>
    <row r="115" spans="1:23" s="9" customFormat="1">
      <c r="A115" s="9" t="s">
        <v>32</v>
      </c>
      <c r="B115" s="10">
        <v>6.7299999999999999E-2</v>
      </c>
      <c r="C115" s="8"/>
      <c r="D115" s="8">
        <v>0</v>
      </c>
      <c r="E115" s="8">
        <v>0</v>
      </c>
      <c r="F115" s="8">
        <v>0</v>
      </c>
      <c r="G115" s="8">
        <v>0</v>
      </c>
      <c r="H115" s="8">
        <v>0</v>
      </c>
      <c r="I115" s="8">
        <v>0</v>
      </c>
      <c r="J115" s="8">
        <v>0</v>
      </c>
      <c r="K115" s="8">
        <v>0</v>
      </c>
      <c r="L115" s="8">
        <v>0</v>
      </c>
      <c r="M115" s="8">
        <v>0</v>
      </c>
      <c r="N115" s="8">
        <v>0</v>
      </c>
      <c r="O115" s="8">
        <v>0</v>
      </c>
      <c r="P115" s="8">
        <v>0</v>
      </c>
      <c r="Q115" s="8">
        <v>0</v>
      </c>
      <c r="R115" s="8">
        <v>0</v>
      </c>
      <c r="S115" s="8">
        <v>0</v>
      </c>
      <c r="T115" s="8">
        <v>0</v>
      </c>
      <c r="U115" s="8">
        <v>0</v>
      </c>
      <c r="V115" s="8">
        <v>0</v>
      </c>
      <c r="W115" s="8">
        <v>1</v>
      </c>
    </row>
    <row r="116" spans="1:23" s="9" customFormat="1">
      <c r="A116" s="12" t="s">
        <v>33</v>
      </c>
      <c r="B116" s="16">
        <v>0.05</v>
      </c>
      <c r="C116" s="13"/>
      <c r="D116" s="13">
        <v>1</v>
      </c>
      <c r="E116" s="13">
        <v>1</v>
      </c>
      <c r="F116" s="13">
        <v>1</v>
      </c>
      <c r="G116" s="13">
        <v>1</v>
      </c>
      <c r="H116" s="13">
        <v>1</v>
      </c>
      <c r="I116" s="13">
        <v>1</v>
      </c>
      <c r="J116" s="13">
        <v>1</v>
      </c>
      <c r="K116" s="13">
        <v>1</v>
      </c>
      <c r="L116" s="13">
        <v>1</v>
      </c>
      <c r="M116" s="13">
        <v>1</v>
      </c>
      <c r="N116" s="13">
        <v>1</v>
      </c>
      <c r="O116" s="13">
        <v>1</v>
      </c>
      <c r="P116" s="13">
        <v>1</v>
      </c>
      <c r="Q116" s="13">
        <v>1</v>
      </c>
      <c r="R116" s="13">
        <v>1</v>
      </c>
      <c r="S116" s="13">
        <v>1</v>
      </c>
      <c r="T116" s="13">
        <v>1</v>
      </c>
      <c r="U116" s="13">
        <v>1</v>
      </c>
      <c r="V116" s="13">
        <v>1</v>
      </c>
      <c r="W116" s="13">
        <v>2</v>
      </c>
    </row>
    <row r="117" spans="1:23" s="9" customFormat="1">
      <c r="A117" s="14" t="s">
        <v>34</v>
      </c>
      <c r="B117" s="14"/>
      <c r="C117" s="15">
        <v>0</v>
      </c>
      <c r="D117" s="15">
        <v>1</v>
      </c>
      <c r="E117" s="15">
        <v>1</v>
      </c>
      <c r="F117" s="15">
        <v>1</v>
      </c>
      <c r="G117" s="15">
        <v>1</v>
      </c>
      <c r="H117" s="15">
        <v>1</v>
      </c>
      <c r="I117" s="15">
        <v>1</v>
      </c>
      <c r="J117" s="15">
        <v>1</v>
      </c>
      <c r="K117" s="15">
        <v>1</v>
      </c>
      <c r="L117" s="15">
        <v>1</v>
      </c>
      <c r="M117" s="15">
        <v>1</v>
      </c>
      <c r="N117" s="15">
        <v>1</v>
      </c>
      <c r="O117" s="15">
        <v>1</v>
      </c>
      <c r="P117" s="15">
        <v>1</v>
      </c>
      <c r="Q117" s="15">
        <v>1</v>
      </c>
      <c r="R117" s="15">
        <v>1</v>
      </c>
      <c r="S117" s="15">
        <v>1</v>
      </c>
      <c r="T117" s="15">
        <v>1</v>
      </c>
      <c r="U117" s="15">
        <v>1</v>
      </c>
      <c r="V117" s="15">
        <v>1</v>
      </c>
      <c r="W117" s="15">
        <v>11</v>
      </c>
    </row>
    <row r="118" spans="1:23">
      <c r="B118" s="17"/>
      <c r="C118" s="17"/>
    </row>
    <row r="119" spans="1:23" ht="18">
      <c r="A119" s="82" t="s">
        <v>94</v>
      </c>
    </row>
    <row r="120" spans="1:23" ht="15.75">
      <c r="A120" s="80" t="s">
        <v>91</v>
      </c>
      <c r="B120" s="80"/>
      <c r="C120" s="81">
        <v>0.05</v>
      </c>
    </row>
    <row r="121" spans="1:23">
      <c r="A121" s="4" t="s">
        <v>0</v>
      </c>
      <c r="B121" s="5"/>
      <c r="C121" s="5" t="s">
        <v>2</v>
      </c>
      <c r="D121" s="5" t="s">
        <v>3</v>
      </c>
      <c r="E121" s="5" t="s">
        <v>4</v>
      </c>
      <c r="F121" s="5" t="s">
        <v>5</v>
      </c>
      <c r="G121" s="5" t="s">
        <v>6</v>
      </c>
      <c r="H121" s="5" t="s">
        <v>7</v>
      </c>
      <c r="I121" s="5" t="s">
        <v>8</v>
      </c>
      <c r="J121" s="5" t="s">
        <v>9</v>
      </c>
      <c r="K121" s="5" t="s">
        <v>10</v>
      </c>
      <c r="L121" s="5" t="s">
        <v>11</v>
      </c>
      <c r="M121" s="5" t="s">
        <v>12</v>
      </c>
      <c r="N121" s="5" t="s">
        <v>13</v>
      </c>
      <c r="O121" s="5" t="s">
        <v>14</v>
      </c>
      <c r="P121" s="5" t="s">
        <v>15</v>
      </c>
      <c r="Q121" s="5" t="s">
        <v>16</v>
      </c>
      <c r="R121" s="5" t="s">
        <v>17</v>
      </c>
      <c r="S121" s="5" t="s">
        <v>18</v>
      </c>
      <c r="T121" s="5" t="s">
        <v>19</v>
      </c>
      <c r="U121" s="5" t="s">
        <v>20</v>
      </c>
      <c r="V121" s="5" t="s">
        <v>21</v>
      </c>
      <c r="W121" s="5" t="s">
        <v>22</v>
      </c>
    </row>
    <row r="122" spans="1:23" s="9" customFormat="1">
      <c r="A122" s="6" t="s">
        <v>23</v>
      </c>
      <c r="B122" s="7">
        <v>1</v>
      </c>
      <c r="C122" s="8"/>
      <c r="D122" s="8"/>
      <c r="E122" s="8"/>
      <c r="F122" s="8"/>
      <c r="G122" s="8"/>
      <c r="H122" s="8"/>
      <c r="I122" s="8"/>
      <c r="J122" s="8"/>
      <c r="K122" s="8"/>
      <c r="L122" s="8"/>
      <c r="M122" s="8"/>
      <c r="N122" s="8"/>
      <c r="O122" s="8"/>
      <c r="P122" s="8"/>
      <c r="Q122" s="8"/>
      <c r="R122" s="8"/>
      <c r="S122" s="8"/>
      <c r="T122" s="8"/>
      <c r="U122" s="8"/>
      <c r="V122" s="8"/>
      <c r="W122" s="8"/>
    </row>
    <row r="123" spans="1:23" s="9" customFormat="1">
      <c r="A123" s="9" t="s">
        <v>24</v>
      </c>
      <c r="B123" s="10">
        <v>0.82730000000000004</v>
      </c>
      <c r="C123" s="8"/>
      <c r="D123" s="8">
        <v>0</v>
      </c>
      <c r="E123" s="8">
        <v>0</v>
      </c>
      <c r="F123" s="8">
        <v>0</v>
      </c>
      <c r="G123" s="8">
        <v>0</v>
      </c>
      <c r="H123" s="8">
        <v>0</v>
      </c>
      <c r="I123" s="8">
        <v>0</v>
      </c>
      <c r="J123" s="8">
        <v>0</v>
      </c>
      <c r="K123" s="8">
        <v>0</v>
      </c>
      <c r="L123" s="8">
        <v>0</v>
      </c>
      <c r="M123" s="8">
        <v>0</v>
      </c>
      <c r="N123" s="8">
        <v>0</v>
      </c>
      <c r="O123" s="8">
        <v>0</v>
      </c>
      <c r="P123" s="8">
        <v>0</v>
      </c>
      <c r="Q123" s="8">
        <v>0</v>
      </c>
      <c r="R123" s="8">
        <v>0</v>
      </c>
      <c r="S123" s="8">
        <v>0</v>
      </c>
      <c r="T123" s="8">
        <v>0</v>
      </c>
      <c r="U123" s="8">
        <v>0</v>
      </c>
      <c r="V123" s="8">
        <v>0</v>
      </c>
      <c r="W123" s="8">
        <v>0</v>
      </c>
    </row>
    <row r="124" spans="1:23" s="9" customFormat="1">
      <c r="A124" s="9" t="s">
        <v>25</v>
      </c>
      <c r="B124" s="10">
        <v>0.67179999999999995</v>
      </c>
      <c r="C124" s="8"/>
      <c r="D124" s="8">
        <v>0</v>
      </c>
      <c r="E124" s="8">
        <v>0</v>
      </c>
      <c r="F124" s="8">
        <v>0</v>
      </c>
      <c r="G124" s="8">
        <v>0</v>
      </c>
      <c r="H124" s="8">
        <v>0</v>
      </c>
      <c r="I124" s="8">
        <v>0</v>
      </c>
      <c r="J124" s="8">
        <v>0</v>
      </c>
      <c r="K124" s="8">
        <v>0</v>
      </c>
      <c r="L124" s="8">
        <v>0</v>
      </c>
      <c r="M124" s="8">
        <v>0</v>
      </c>
      <c r="N124" s="8">
        <v>0</v>
      </c>
      <c r="O124" s="8">
        <v>0</v>
      </c>
      <c r="P124" s="8">
        <v>0</v>
      </c>
      <c r="Q124" s="8">
        <v>0</v>
      </c>
      <c r="R124" s="8">
        <v>0</v>
      </c>
      <c r="S124" s="8">
        <v>0</v>
      </c>
      <c r="T124" s="8">
        <v>0</v>
      </c>
      <c r="U124" s="8">
        <v>0</v>
      </c>
      <c r="V124" s="8">
        <v>0</v>
      </c>
      <c r="W124" s="8">
        <v>1</v>
      </c>
    </row>
    <row r="125" spans="1:23" s="9" customFormat="1">
      <c r="A125" s="11" t="s">
        <v>26</v>
      </c>
      <c r="B125" s="10">
        <v>0.53359999999999996</v>
      </c>
      <c r="C125" s="8"/>
      <c r="D125" s="8">
        <v>0</v>
      </c>
      <c r="E125" s="8">
        <v>0</v>
      </c>
      <c r="F125" s="8">
        <v>0</v>
      </c>
      <c r="G125" s="8">
        <v>0</v>
      </c>
      <c r="H125" s="8">
        <v>0</v>
      </c>
      <c r="I125" s="8">
        <v>0</v>
      </c>
      <c r="J125" s="8">
        <v>0</v>
      </c>
      <c r="K125" s="8">
        <v>0</v>
      </c>
      <c r="L125" s="8">
        <v>0</v>
      </c>
      <c r="M125" s="8">
        <v>0</v>
      </c>
      <c r="N125" s="8">
        <v>0</v>
      </c>
      <c r="O125" s="8">
        <v>0</v>
      </c>
      <c r="P125" s="8">
        <v>0</v>
      </c>
      <c r="Q125" s="8">
        <v>0</v>
      </c>
      <c r="R125" s="8">
        <v>0</v>
      </c>
      <c r="S125" s="8">
        <v>0</v>
      </c>
      <c r="T125" s="8">
        <v>0</v>
      </c>
      <c r="U125" s="8">
        <v>0</v>
      </c>
      <c r="V125" s="8">
        <v>0</v>
      </c>
      <c r="W125" s="8">
        <v>1</v>
      </c>
    </row>
    <row r="126" spans="1:23" s="9" customFormat="1">
      <c r="A126" s="9" t="s">
        <v>27</v>
      </c>
      <c r="B126" s="10">
        <v>0.41270000000000001</v>
      </c>
      <c r="C126" s="8"/>
      <c r="D126" s="8">
        <v>0</v>
      </c>
      <c r="E126" s="8">
        <v>0</v>
      </c>
      <c r="F126" s="8">
        <v>0</v>
      </c>
      <c r="G126" s="8">
        <v>0</v>
      </c>
      <c r="H126" s="8">
        <v>0</v>
      </c>
      <c r="I126" s="8">
        <v>0</v>
      </c>
      <c r="J126" s="8">
        <v>0</v>
      </c>
      <c r="K126" s="8">
        <v>0</v>
      </c>
      <c r="L126" s="8">
        <v>0</v>
      </c>
      <c r="M126" s="8">
        <v>0</v>
      </c>
      <c r="N126" s="8">
        <v>0</v>
      </c>
      <c r="O126" s="8">
        <v>0</v>
      </c>
      <c r="P126" s="8">
        <v>0</v>
      </c>
      <c r="Q126" s="8">
        <v>0</v>
      </c>
      <c r="R126" s="8">
        <v>0</v>
      </c>
      <c r="S126" s="8">
        <v>0</v>
      </c>
      <c r="T126" s="8">
        <v>0</v>
      </c>
      <c r="U126" s="8">
        <v>0</v>
      </c>
      <c r="V126" s="8">
        <v>0</v>
      </c>
      <c r="W126" s="8">
        <v>1</v>
      </c>
    </row>
    <row r="127" spans="1:23" s="9" customFormat="1">
      <c r="A127" s="9" t="s">
        <v>28</v>
      </c>
      <c r="B127" s="10">
        <v>0.30909999999999999</v>
      </c>
      <c r="C127" s="8"/>
      <c r="D127" s="8">
        <v>0</v>
      </c>
      <c r="E127" s="8">
        <v>0</v>
      </c>
      <c r="F127" s="8">
        <v>0</v>
      </c>
      <c r="G127" s="8">
        <v>0</v>
      </c>
      <c r="H127" s="8">
        <v>0</v>
      </c>
      <c r="I127" s="8">
        <v>0</v>
      </c>
      <c r="J127" s="8">
        <v>0</v>
      </c>
      <c r="K127" s="8">
        <v>0</v>
      </c>
      <c r="L127" s="8">
        <v>0</v>
      </c>
      <c r="M127" s="8">
        <v>0</v>
      </c>
      <c r="N127" s="8">
        <v>0</v>
      </c>
      <c r="O127" s="8">
        <v>0</v>
      </c>
      <c r="P127" s="8">
        <v>0</v>
      </c>
      <c r="Q127" s="8">
        <v>0</v>
      </c>
      <c r="R127" s="8">
        <v>0</v>
      </c>
      <c r="S127" s="8">
        <v>0</v>
      </c>
      <c r="T127" s="8">
        <v>0</v>
      </c>
      <c r="U127" s="8">
        <v>0</v>
      </c>
      <c r="V127" s="8">
        <v>0</v>
      </c>
      <c r="W127" s="8">
        <v>1</v>
      </c>
    </row>
    <row r="128" spans="1:23" s="9" customFormat="1">
      <c r="A128" s="9" t="s">
        <v>29</v>
      </c>
      <c r="B128" s="10">
        <v>0.22270000000000001</v>
      </c>
      <c r="C128" s="8"/>
      <c r="D128" s="8">
        <v>0</v>
      </c>
      <c r="E128" s="8">
        <v>0</v>
      </c>
      <c r="F128" s="8">
        <v>0</v>
      </c>
      <c r="G128" s="8">
        <v>0</v>
      </c>
      <c r="H128" s="8">
        <v>0</v>
      </c>
      <c r="I128" s="8">
        <v>0</v>
      </c>
      <c r="J128" s="8">
        <v>0</v>
      </c>
      <c r="K128" s="8">
        <v>0</v>
      </c>
      <c r="L128" s="8">
        <v>0</v>
      </c>
      <c r="M128" s="8">
        <v>0</v>
      </c>
      <c r="N128" s="8">
        <v>0</v>
      </c>
      <c r="O128" s="8">
        <v>0</v>
      </c>
      <c r="P128" s="8">
        <v>0</v>
      </c>
      <c r="Q128" s="8">
        <v>0</v>
      </c>
      <c r="R128" s="8">
        <v>0</v>
      </c>
      <c r="S128" s="8">
        <v>0</v>
      </c>
      <c r="T128" s="8">
        <v>0</v>
      </c>
      <c r="U128" s="8">
        <v>0</v>
      </c>
      <c r="V128" s="8">
        <v>0</v>
      </c>
      <c r="W128" s="8">
        <v>0</v>
      </c>
    </row>
    <row r="129" spans="1:23" s="9" customFormat="1">
      <c r="A129" s="9" t="s">
        <v>30</v>
      </c>
      <c r="B129" s="10">
        <v>0.15359999999999999</v>
      </c>
      <c r="C129" s="8"/>
      <c r="D129" s="8">
        <v>0</v>
      </c>
      <c r="E129" s="8">
        <v>0</v>
      </c>
      <c r="F129" s="8">
        <v>0</v>
      </c>
      <c r="G129" s="8">
        <v>0</v>
      </c>
      <c r="H129" s="8">
        <v>0</v>
      </c>
      <c r="I129" s="8">
        <v>0</v>
      </c>
      <c r="J129" s="8">
        <v>0</v>
      </c>
      <c r="K129" s="8">
        <v>0</v>
      </c>
      <c r="L129" s="8">
        <v>0</v>
      </c>
      <c r="M129" s="8">
        <v>0</v>
      </c>
      <c r="N129" s="8">
        <v>0</v>
      </c>
      <c r="O129" s="8">
        <v>0</v>
      </c>
      <c r="P129" s="8">
        <v>0</v>
      </c>
      <c r="Q129" s="8">
        <v>0</v>
      </c>
      <c r="R129" s="8">
        <v>0</v>
      </c>
      <c r="S129" s="8">
        <v>0</v>
      </c>
      <c r="T129" s="8">
        <v>0</v>
      </c>
      <c r="U129" s="8">
        <v>0</v>
      </c>
      <c r="V129" s="8">
        <v>0</v>
      </c>
      <c r="W129" s="8">
        <v>0</v>
      </c>
    </row>
    <row r="130" spans="1:23" s="9" customFormat="1">
      <c r="A130" s="9" t="s">
        <v>31</v>
      </c>
      <c r="B130" s="10">
        <v>0.1018</v>
      </c>
      <c r="C130" s="8"/>
      <c r="D130" s="8">
        <v>0</v>
      </c>
      <c r="E130" s="8">
        <v>0</v>
      </c>
      <c r="F130" s="8">
        <v>0</v>
      </c>
      <c r="G130" s="8">
        <v>0</v>
      </c>
      <c r="H130" s="8">
        <v>0</v>
      </c>
      <c r="I130" s="8">
        <v>0</v>
      </c>
      <c r="J130" s="8">
        <v>0</v>
      </c>
      <c r="K130" s="8">
        <v>0</v>
      </c>
      <c r="L130" s="8">
        <v>0</v>
      </c>
      <c r="M130" s="8">
        <v>0</v>
      </c>
      <c r="N130" s="8">
        <v>0</v>
      </c>
      <c r="O130" s="8">
        <v>0</v>
      </c>
      <c r="P130" s="8">
        <v>0</v>
      </c>
      <c r="Q130" s="8">
        <v>0</v>
      </c>
      <c r="R130" s="8">
        <v>0</v>
      </c>
      <c r="S130" s="8">
        <v>0</v>
      </c>
      <c r="T130" s="8">
        <v>0</v>
      </c>
      <c r="U130" s="8">
        <v>0</v>
      </c>
      <c r="V130" s="8">
        <v>0</v>
      </c>
      <c r="W130" s="8">
        <v>0</v>
      </c>
    </row>
    <row r="131" spans="1:23" s="9" customFormat="1">
      <c r="A131" s="9" t="s">
        <v>32</v>
      </c>
      <c r="B131" s="10">
        <v>6.7299999999999999E-2</v>
      </c>
      <c r="C131" s="8"/>
      <c r="D131" s="8">
        <v>0</v>
      </c>
      <c r="E131" s="8">
        <v>0</v>
      </c>
      <c r="F131" s="8">
        <v>0</v>
      </c>
      <c r="G131" s="8">
        <v>0</v>
      </c>
      <c r="H131" s="8">
        <v>0</v>
      </c>
      <c r="I131" s="8">
        <v>0</v>
      </c>
      <c r="J131" s="8">
        <v>0</v>
      </c>
      <c r="K131" s="8">
        <v>0</v>
      </c>
      <c r="L131" s="8">
        <v>0</v>
      </c>
      <c r="M131" s="8">
        <v>0</v>
      </c>
      <c r="N131" s="8">
        <v>0</v>
      </c>
      <c r="O131" s="8">
        <v>0</v>
      </c>
      <c r="P131" s="8">
        <v>0</v>
      </c>
      <c r="Q131" s="8">
        <v>0</v>
      </c>
      <c r="R131" s="8">
        <v>0</v>
      </c>
      <c r="S131" s="8">
        <v>0</v>
      </c>
      <c r="T131" s="8">
        <v>0</v>
      </c>
      <c r="U131" s="8">
        <v>0</v>
      </c>
      <c r="V131" s="8">
        <v>0</v>
      </c>
      <c r="W131" s="8">
        <v>0</v>
      </c>
    </row>
    <row r="132" spans="1:23" s="9" customFormat="1">
      <c r="A132" s="12" t="s">
        <v>33</v>
      </c>
      <c r="B132" s="16">
        <v>0.05</v>
      </c>
      <c r="C132" s="13"/>
      <c r="D132" s="13">
        <v>0</v>
      </c>
      <c r="E132" s="13">
        <v>0</v>
      </c>
      <c r="F132" s="13">
        <v>0</v>
      </c>
      <c r="G132" s="13">
        <v>0</v>
      </c>
      <c r="H132" s="13">
        <v>0</v>
      </c>
      <c r="I132" s="13">
        <v>1</v>
      </c>
      <c r="J132" s="13">
        <v>1</v>
      </c>
      <c r="K132" s="13">
        <v>1</v>
      </c>
      <c r="L132" s="13">
        <v>1</v>
      </c>
      <c r="M132" s="13">
        <v>6</v>
      </c>
      <c r="N132" s="13">
        <v>0</v>
      </c>
      <c r="O132" s="13">
        <v>0</v>
      </c>
      <c r="P132" s="13">
        <v>0</v>
      </c>
      <c r="Q132" s="13">
        <v>0</v>
      </c>
      <c r="R132" s="13">
        <v>0</v>
      </c>
      <c r="S132" s="13">
        <v>1</v>
      </c>
      <c r="T132" s="13">
        <v>1</v>
      </c>
      <c r="U132" s="13">
        <v>1</v>
      </c>
      <c r="V132" s="13">
        <v>1</v>
      </c>
      <c r="W132" s="13">
        <v>6</v>
      </c>
    </row>
    <row r="133" spans="1:23" s="9" customFormat="1">
      <c r="A133" s="14" t="s">
        <v>34</v>
      </c>
      <c r="B133" s="14"/>
      <c r="C133" s="15">
        <v>0</v>
      </c>
      <c r="D133" s="15">
        <v>0</v>
      </c>
      <c r="E133" s="15">
        <v>0</v>
      </c>
      <c r="F133" s="15">
        <v>0</v>
      </c>
      <c r="G133" s="15">
        <v>0</v>
      </c>
      <c r="H133" s="15">
        <v>0</v>
      </c>
      <c r="I133" s="15">
        <v>1</v>
      </c>
      <c r="J133" s="15">
        <v>1</v>
      </c>
      <c r="K133" s="15">
        <v>1</v>
      </c>
      <c r="L133" s="15">
        <v>1</v>
      </c>
      <c r="M133" s="15">
        <v>6</v>
      </c>
      <c r="N133" s="15">
        <v>0</v>
      </c>
      <c r="O133" s="15">
        <v>0</v>
      </c>
      <c r="P133" s="15">
        <v>0</v>
      </c>
      <c r="Q133" s="15">
        <v>0</v>
      </c>
      <c r="R133" s="15">
        <v>0</v>
      </c>
      <c r="S133" s="15">
        <v>1</v>
      </c>
      <c r="T133" s="15">
        <v>1</v>
      </c>
      <c r="U133" s="15">
        <v>1</v>
      </c>
      <c r="V133" s="15">
        <v>1</v>
      </c>
      <c r="W133" s="15">
        <v>10</v>
      </c>
    </row>
    <row r="136" spans="1:23" ht="18">
      <c r="A136" s="82" t="s">
        <v>97</v>
      </c>
    </row>
    <row r="137" spans="1:23">
      <c r="A137" s="18" t="s">
        <v>35</v>
      </c>
      <c r="B137" s="19"/>
      <c r="C137" s="19" t="s">
        <v>2</v>
      </c>
      <c r="D137" s="19" t="s">
        <v>3</v>
      </c>
      <c r="E137" s="19" t="s">
        <v>4</v>
      </c>
      <c r="F137" s="19" t="s">
        <v>5</v>
      </c>
      <c r="G137" s="19" t="s">
        <v>6</v>
      </c>
      <c r="H137" s="19" t="s">
        <v>7</v>
      </c>
      <c r="I137" s="19" t="s">
        <v>8</v>
      </c>
      <c r="J137" s="19" t="s">
        <v>9</v>
      </c>
      <c r="K137" s="19" t="s">
        <v>10</v>
      </c>
      <c r="L137" s="19" t="s">
        <v>11</v>
      </c>
      <c r="M137" s="19" t="s">
        <v>12</v>
      </c>
      <c r="N137" s="19" t="s">
        <v>13</v>
      </c>
      <c r="O137" s="19" t="s">
        <v>14</v>
      </c>
      <c r="P137" s="19" t="s">
        <v>15</v>
      </c>
      <c r="Q137" s="19" t="s">
        <v>16</v>
      </c>
      <c r="R137" s="19" t="s">
        <v>17</v>
      </c>
      <c r="S137" s="19" t="s">
        <v>18</v>
      </c>
      <c r="T137" s="19" t="s">
        <v>19</v>
      </c>
      <c r="U137" s="19" t="s">
        <v>20</v>
      </c>
      <c r="V137" s="19" t="s">
        <v>21</v>
      </c>
      <c r="W137" s="20" t="s">
        <v>22</v>
      </c>
    </row>
    <row r="138" spans="1:23">
      <c r="A138" s="21" t="s">
        <v>36</v>
      </c>
      <c r="B138" s="22"/>
      <c r="C138" s="7"/>
      <c r="D138" s="23">
        <v>0.1</v>
      </c>
      <c r="E138" s="23">
        <v>0.1</v>
      </c>
      <c r="F138" s="23">
        <v>0.1</v>
      </c>
      <c r="G138" s="23">
        <v>0.1</v>
      </c>
      <c r="H138" s="23">
        <v>0.1</v>
      </c>
      <c r="I138" s="23">
        <v>0.1</v>
      </c>
      <c r="J138" s="23">
        <v>0.1</v>
      </c>
      <c r="K138" s="23">
        <v>0.1</v>
      </c>
      <c r="L138" s="23">
        <v>0.1</v>
      </c>
      <c r="M138" s="23">
        <v>0.1</v>
      </c>
      <c r="N138" s="23">
        <v>0.1</v>
      </c>
      <c r="O138" s="23">
        <v>0.1</v>
      </c>
      <c r="P138" s="23">
        <v>0.1</v>
      </c>
      <c r="Q138" s="23">
        <v>0.1</v>
      </c>
      <c r="R138" s="23">
        <v>0.1</v>
      </c>
      <c r="S138" s="23">
        <v>0.1</v>
      </c>
      <c r="T138" s="23">
        <v>0.1</v>
      </c>
      <c r="U138" s="23">
        <v>0.1</v>
      </c>
      <c r="V138" s="23">
        <v>0.1</v>
      </c>
      <c r="W138" s="24">
        <v>0.32497500000000001</v>
      </c>
    </row>
    <row r="139" spans="1:23">
      <c r="A139" s="25" t="s">
        <v>37</v>
      </c>
      <c r="B139" s="12"/>
      <c r="C139" s="13"/>
      <c r="D139" s="13">
        <v>1</v>
      </c>
      <c r="E139" s="13">
        <v>1</v>
      </c>
      <c r="F139" s="13">
        <v>1</v>
      </c>
      <c r="G139" s="13">
        <v>1</v>
      </c>
      <c r="H139" s="13">
        <v>1</v>
      </c>
      <c r="I139" s="13">
        <v>1</v>
      </c>
      <c r="J139" s="13">
        <v>1</v>
      </c>
      <c r="K139" s="13">
        <v>1</v>
      </c>
      <c r="L139" s="13">
        <v>1</v>
      </c>
      <c r="M139" s="13">
        <v>1</v>
      </c>
      <c r="N139" s="13">
        <v>1</v>
      </c>
      <c r="O139" s="13">
        <v>1</v>
      </c>
      <c r="P139" s="13">
        <v>1</v>
      </c>
      <c r="Q139" s="13">
        <v>1</v>
      </c>
      <c r="R139" s="13">
        <v>1</v>
      </c>
      <c r="S139" s="13">
        <v>1</v>
      </c>
      <c r="T139" s="13">
        <v>1</v>
      </c>
      <c r="U139" s="13">
        <v>1</v>
      </c>
      <c r="V139" s="13">
        <v>1</v>
      </c>
      <c r="W139" s="26">
        <v>8</v>
      </c>
    </row>
    <row r="142" spans="1:23">
      <c r="A142" s="18" t="s">
        <v>38</v>
      </c>
      <c r="B142" s="19"/>
      <c r="C142" s="19" t="s">
        <v>2</v>
      </c>
      <c r="D142" s="19" t="s">
        <v>3</v>
      </c>
      <c r="E142" s="19" t="s">
        <v>4</v>
      </c>
      <c r="F142" s="19" t="s">
        <v>5</v>
      </c>
      <c r="G142" s="19" t="s">
        <v>6</v>
      </c>
      <c r="H142" s="19" t="s">
        <v>7</v>
      </c>
      <c r="I142" s="19" t="s">
        <v>8</v>
      </c>
      <c r="J142" s="19" t="s">
        <v>9</v>
      </c>
      <c r="K142" s="19" t="s">
        <v>10</v>
      </c>
      <c r="L142" s="19" t="s">
        <v>11</v>
      </c>
      <c r="M142" s="19" t="s">
        <v>12</v>
      </c>
      <c r="N142" s="19" t="s">
        <v>13</v>
      </c>
      <c r="O142" s="19" t="s">
        <v>14</v>
      </c>
      <c r="P142" s="19" t="s">
        <v>15</v>
      </c>
      <c r="Q142" s="19" t="s">
        <v>16</v>
      </c>
      <c r="R142" s="19" t="s">
        <v>17</v>
      </c>
      <c r="S142" s="19" t="s">
        <v>18</v>
      </c>
      <c r="T142" s="19" t="s">
        <v>19</v>
      </c>
      <c r="U142" s="19" t="s">
        <v>20</v>
      </c>
      <c r="V142" s="19" t="s">
        <v>21</v>
      </c>
      <c r="W142" s="20" t="s">
        <v>22</v>
      </c>
    </row>
    <row r="143" spans="1:23">
      <c r="A143" s="21" t="s">
        <v>36</v>
      </c>
      <c r="B143" s="22"/>
      <c r="C143" s="7"/>
      <c r="D143" s="23">
        <v>0.05</v>
      </c>
      <c r="E143" s="23">
        <v>0.05</v>
      </c>
      <c r="F143" s="23">
        <v>0.05</v>
      </c>
      <c r="G143" s="23">
        <v>0.05</v>
      </c>
      <c r="H143" s="23">
        <v>0.05</v>
      </c>
      <c r="I143" s="23">
        <v>0.05</v>
      </c>
      <c r="J143" s="23">
        <v>0.05</v>
      </c>
      <c r="K143" s="23">
        <v>0.05</v>
      </c>
      <c r="L143" s="23">
        <v>0.05</v>
      </c>
      <c r="M143" s="23">
        <v>0.05</v>
      </c>
      <c r="N143" s="23">
        <v>0.05</v>
      </c>
      <c r="O143" s="23">
        <v>0.05</v>
      </c>
      <c r="P143" s="23">
        <v>0.05</v>
      </c>
      <c r="Q143" s="23">
        <v>0.05</v>
      </c>
      <c r="R143" s="23">
        <v>0.05</v>
      </c>
      <c r="S143" s="23">
        <v>0.05</v>
      </c>
      <c r="T143" s="23">
        <v>0.05</v>
      </c>
      <c r="U143" s="23">
        <v>0.05</v>
      </c>
      <c r="V143" s="23">
        <v>0.05</v>
      </c>
      <c r="W143" s="24">
        <v>0.30908181818181818</v>
      </c>
    </row>
    <row r="144" spans="1:23">
      <c r="A144" s="25" t="s">
        <v>37</v>
      </c>
      <c r="B144" s="12"/>
      <c r="C144" s="13"/>
      <c r="D144" s="13">
        <v>1</v>
      </c>
      <c r="E144" s="13">
        <v>1</v>
      </c>
      <c r="F144" s="13">
        <v>1</v>
      </c>
      <c r="G144" s="13">
        <v>1</v>
      </c>
      <c r="H144" s="13">
        <v>1</v>
      </c>
      <c r="I144" s="13">
        <v>1</v>
      </c>
      <c r="J144" s="13">
        <v>1</v>
      </c>
      <c r="K144" s="13">
        <v>1</v>
      </c>
      <c r="L144" s="13">
        <v>1</v>
      </c>
      <c r="M144" s="13">
        <v>1</v>
      </c>
      <c r="N144" s="13">
        <v>1</v>
      </c>
      <c r="O144" s="13">
        <v>1</v>
      </c>
      <c r="P144" s="13">
        <v>1</v>
      </c>
      <c r="Q144" s="13">
        <v>1</v>
      </c>
      <c r="R144" s="13">
        <v>1</v>
      </c>
      <c r="S144" s="13">
        <v>1</v>
      </c>
      <c r="T144" s="13">
        <v>1</v>
      </c>
      <c r="U144" s="13">
        <v>1</v>
      </c>
      <c r="V144" s="13">
        <v>1</v>
      </c>
      <c r="W144" s="26">
        <v>11</v>
      </c>
    </row>
    <row r="146" spans="1:23">
      <c r="A146" s="18" t="s">
        <v>40</v>
      </c>
      <c r="B146" s="19"/>
      <c r="C146" s="19" t="s">
        <v>2</v>
      </c>
      <c r="D146" s="19" t="s">
        <v>3</v>
      </c>
      <c r="E146" s="19" t="s">
        <v>4</v>
      </c>
      <c r="F146" s="19" t="s">
        <v>5</v>
      </c>
      <c r="G146" s="19" t="s">
        <v>6</v>
      </c>
      <c r="H146" s="19" t="s">
        <v>7</v>
      </c>
      <c r="I146" s="19" t="s">
        <v>8</v>
      </c>
      <c r="J146" s="19" t="s">
        <v>9</v>
      </c>
      <c r="K146" s="19" t="s">
        <v>10</v>
      </c>
      <c r="L146" s="19" t="s">
        <v>11</v>
      </c>
      <c r="M146" s="19" t="s">
        <v>12</v>
      </c>
      <c r="N146" s="19" t="s">
        <v>13</v>
      </c>
      <c r="O146" s="19" t="s">
        <v>14</v>
      </c>
      <c r="P146" s="19" t="s">
        <v>15</v>
      </c>
      <c r="Q146" s="19" t="s">
        <v>16</v>
      </c>
      <c r="R146" s="19" t="s">
        <v>17</v>
      </c>
      <c r="S146" s="19" t="s">
        <v>18</v>
      </c>
      <c r="T146" s="19" t="s">
        <v>19</v>
      </c>
      <c r="U146" s="19" t="s">
        <v>20</v>
      </c>
      <c r="V146" s="19" t="s">
        <v>21</v>
      </c>
      <c r="W146" s="20" t="s">
        <v>22</v>
      </c>
    </row>
    <row r="147" spans="1:23">
      <c r="A147" s="21" t="s">
        <v>36</v>
      </c>
      <c r="B147" s="22"/>
      <c r="C147" s="7"/>
      <c r="D147" s="23">
        <v>0</v>
      </c>
      <c r="E147" s="23">
        <v>0</v>
      </c>
      <c r="F147" s="23">
        <v>0</v>
      </c>
      <c r="G147" s="23">
        <v>0</v>
      </c>
      <c r="H147" s="23">
        <v>0</v>
      </c>
      <c r="I147" s="23">
        <v>0.05</v>
      </c>
      <c r="J147" s="23">
        <v>0.05</v>
      </c>
      <c r="K147" s="23">
        <v>0.05</v>
      </c>
      <c r="L147" s="23">
        <v>0.05</v>
      </c>
      <c r="M147" s="23">
        <v>5.000000000000001E-2</v>
      </c>
      <c r="N147" s="23">
        <v>0</v>
      </c>
      <c r="O147" s="23">
        <v>0</v>
      </c>
      <c r="P147" s="23">
        <v>0</v>
      </c>
      <c r="Q147" s="23">
        <v>0</v>
      </c>
      <c r="R147" s="23">
        <v>0</v>
      </c>
      <c r="S147" s="23">
        <v>0.05</v>
      </c>
      <c r="T147" s="23">
        <v>0.05</v>
      </c>
      <c r="U147" s="23">
        <v>0.05</v>
      </c>
      <c r="V147" s="23">
        <v>0.05</v>
      </c>
      <c r="W147" s="24">
        <v>0.22271999999999997</v>
      </c>
    </row>
    <row r="148" spans="1:23">
      <c r="A148" s="25" t="s">
        <v>37</v>
      </c>
      <c r="B148" s="12"/>
      <c r="C148" s="13"/>
      <c r="D148" s="13">
        <v>0</v>
      </c>
      <c r="E148" s="13">
        <v>0</v>
      </c>
      <c r="F148" s="13">
        <v>0</v>
      </c>
      <c r="G148" s="13">
        <v>0</v>
      </c>
      <c r="H148" s="13">
        <v>0</v>
      </c>
      <c r="I148" s="13">
        <v>1</v>
      </c>
      <c r="J148" s="13">
        <v>1</v>
      </c>
      <c r="K148" s="13">
        <v>1</v>
      </c>
      <c r="L148" s="13">
        <v>1</v>
      </c>
      <c r="M148" s="13">
        <v>6</v>
      </c>
      <c r="N148" s="13">
        <v>0</v>
      </c>
      <c r="O148" s="13">
        <v>0</v>
      </c>
      <c r="P148" s="13">
        <v>0</v>
      </c>
      <c r="Q148" s="13">
        <v>0</v>
      </c>
      <c r="R148" s="13">
        <v>0</v>
      </c>
      <c r="S148" s="13">
        <v>1</v>
      </c>
      <c r="T148" s="13">
        <v>1</v>
      </c>
      <c r="U148" s="13">
        <v>1</v>
      </c>
      <c r="V148" s="13">
        <v>1</v>
      </c>
      <c r="W148" s="26">
        <v>10</v>
      </c>
    </row>
    <row r="149" spans="1:23">
      <c r="A149" s="22"/>
      <c r="B149" s="22"/>
      <c r="C149" s="84"/>
      <c r="D149" s="84"/>
      <c r="E149" s="84"/>
      <c r="F149" s="84"/>
      <c r="G149" s="84"/>
      <c r="H149" s="84"/>
      <c r="I149" s="84"/>
      <c r="J149" s="84"/>
      <c r="K149" s="84"/>
      <c r="L149" s="84"/>
      <c r="M149" s="84"/>
      <c r="N149" s="84"/>
      <c r="O149" s="84"/>
      <c r="P149" s="84"/>
      <c r="Q149" s="84"/>
      <c r="R149" s="84"/>
      <c r="S149" s="84"/>
      <c r="T149" s="84"/>
      <c r="U149" s="84"/>
      <c r="V149" s="84"/>
      <c r="W149" s="84"/>
    </row>
    <row r="150" spans="1:23">
      <c r="A150" s="22"/>
      <c r="B150" s="22"/>
      <c r="C150" s="84"/>
      <c r="D150" s="84"/>
      <c r="E150" s="84"/>
      <c r="F150" s="84"/>
      <c r="G150" s="84"/>
      <c r="H150" s="84"/>
      <c r="I150" s="84"/>
      <c r="J150" s="84"/>
      <c r="K150" s="84"/>
      <c r="L150" s="84"/>
      <c r="M150" s="84"/>
      <c r="N150" s="84"/>
      <c r="O150" s="84"/>
      <c r="P150" s="84"/>
      <c r="Q150" s="84"/>
      <c r="R150" s="84"/>
      <c r="S150" s="84"/>
      <c r="T150" s="84"/>
      <c r="U150" s="84"/>
      <c r="V150" s="84"/>
      <c r="W150" s="84"/>
    </row>
    <row r="151" spans="1:23">
      <c r="A151" s="22"/>
      <c r="B151" s="22"/>
      <c r="C151" s="84"/>
      <c r="D151" s="84"/>
      <c r="E151" s="84"/>
      <c r="F151" s="84"/>
      <c r="G151" s="84"/>
      <c r="H151" s="84"/>
      <c r="I151" s="84"/>
      <c r="J151" s="84"/>
      <c r="K151" s="84"/>
      <c r="L151" s="84"/>
      <c r="M151" s="84"/>
      <c r="N151" s="84"/>
      <c r="O151" s="84"/>
      <c r="P151" s="84"/>
      <c r="Q151" s="84"/>
      <c r="R151" s="84"/>
      <c r="S151" s="84"/>
      <c r="T151" s="84"/>
      <c r="U151" s="84"/>
      <c r="V151" s="84"/>
      <c r="W151" s="84"/>
    </row>
    <row r="152" spans="1:23">
      <c r="A152" s="22"/>
      <c r="B152" s="22"/>
      <c r="C152" s="84"/>
      <c r="D152" s="84"/>
      <c r="E152" s="84"/>
      <c r="F152" s="84"/>
      <c r="G152" s="84"/>
      <c r="H152" s="84"/>
      <c r="I152" s="84"/>
      <c r="J152" s="84"/>
      <c r="K152" s="84"/>
      <c r="L152" s="84"/>
      <c r="M152" s="84"/>
      <c r="N152" s="84"/>
      <c r="O152" s="84"/>
      <c r="P152" s="84"/>
      <c r="Q152" s="84"/>
      <c r="R152" s="84"/>
      <c r="S152" s="84"/>
      <c r="T152" s="84"/>
      <c r="U152" s="84"/>
      <c r="V152" s="84"/>
      <c r="W152" s="84"/>
    </row>
    <row r="153" spans="1:23">
      <c r="A153" s="22"/>
      <c r="B153" s="22"/>
      <c r="C153" s="84"/>
      <c r="D153" s="84"/>
      <c r="E153" s="84"/>
      <c r="F153" s="84"/>
      <c r="G153" s="84"/>
      <c r="H153" s="84"/>
      <c r="I153" s="84"/>
      <c r="J153" s="84"/>
      <c r="K153" s="84"/>
      <c r="L153" s="84"/>
      <c r="M153" s="84"/>
      <c r="N153" s="84"/>
      <c r="O153" s="84"/>
      <c r="P153" s="84"/>
      <c r="Q153" s="84"/>
      <c r="R153" s="84"/>
      <c r="S153" s="84"/>
      <c r="T153" s="84"/>
      <c r="U153" s="84"/>
      <c r="V153" s="84"/>
      <c r="W153" s="84"/>
    </row>
    <row r="154" spans="1:23">
      <c r="A154" s="22"/>
      <c r="B154" s="22"/>
      <c r="C154" s="84"/>
      <c r="D154" s="84"/>
      <c r="E154" s="84"/>
      <c r="F154" s="84"/>
      <c r="G154" s="84"/>
      <c r="H154" s="84"/>
      <c r="I154" s="84"/>
      <c r="J154" s="84"/>
      <c r="K154" s="84"/>
      <c r="L154" s="84"/>
      <c r="M154" s="84"/>
      <c r="N154" s="84"/>
      <c r="O154" s="84"/>
      <c r="P154" s="84"/>
      <c r="Q154" s="84"/>
      <c r="R154" s="84"/>
      <c r="S154" s="84"/>
      <c r="T154" s="84"/>
      <c r="U154" s="84"/>
      <c r="V154" s="84"/>
      <c r="W154" s="84"/>
    </row>
    <row r="155" spans="1:23">
      <c r="A155" s="22"/>
      <c r="B155" s="22"/>
      <c r="C155" s="84"/>
      <c r="D155" s="84"/>
      <c r="E155" s="84"/>
      <c r="F155" s="84"/>
      <c r="G155" s="84"/>
      <c r="H155" s="84"/>
      <c r="I155" s="84"/>
      <c r="J155" s="84"/>
      <c r="K155" s="84"/>
      <c r="L155" s="84"/>
      <c r="M155" s="84"/>
      <c r="N155" s="84"/>
      <c r="O155" s="84"/>
      <c r="P155" s="84"/>
      <c r="Q155" s="84"/>
      <c r="R155" s="84"/>
      <c r="S155" s="84"/>
      <c r="T155" s="84"/>
      <c r="U155" s="84"/>
      <c r="V155" s="84"/>
      <c r="W155" s="84"/>
    </row>
    <row r="156" spans="1:23">
      <c r="A156" s="22"/>
      <c r="B156" s="22"/>
      <c r="C156" s="84"/>
      <c r="D156" s="84"/>
      <c r="E156" s="84"/>
      <c r="F156" s="84"/>
      <c r="G156" s="84"/>
      <c r="H156" s="84"/>
      <c r="I156" s="84"/>
      <c r="J156" s="84"/>
      <c r="K156" s="84"/>
      <c r="L156" s="84"/>
      <c r="M156" s="84"/>
      <c r="N156" s="84"/>
      <c r="O156" s="84"/>
      <c r="P156" s="84"/>
      <c r="Q156" s="84"/>
      <c r="R156" s="84"/>
      <c r="S156" s="84"/>
      <c r="T156" s="84"/>
      <c r="U156" s="84"/>
      <c r="V156" s="84"/>
      <c r="W156" s="84"/>
    </row>
    <row r="157" spans="1:23">
      <c r="A157" s="22"/>
      <c r="B157" s="22"/>
      <c r="C157" s="84"/>
      <c r="D157" s="84"/>
      <c r="E157" s="84"/>
      <c r="F157" s="84"/>
      <c r="G157" s="84"/>
      <c r="H157" s="84"/>
      <c r="I157" s="84"/>
      <c r="J157" s="84"/>
      <c r="K157" s="84"/>
      <c r="L157" s="84"/>
      <c r="M157" s="84"/>
      <c r="N157" s="84"/>
      <c r="O157" s="84"/>
      <c r="P157" s="84"/>
      <c r="Q157" s="84"/>
      <c r="R157" s="84"/>
      <c r="S157" s="84"/>
      <c r="T157" s="84"/>
      <c r="U157" s="84"/>
      <c r="V157" s="84"/>
      <c r="W157" s="84"/>
    </row>
    <row r="158" spans="1:23">
      <c r="A158" s="22"/>
      <c r="B158" s="22"/>
      <c r="C158" s="84"/>
      <c r="D158" s="84"/>
      <c r="E158" s="84"/>
      <c r="F158" s="84"/>
      <c r="G158" s="84"/>
      <c r="H158" s="84"/>
      <c r="I158" s="84"/>
      <c r="J158" s="84"/>
      <c r="K158" s="84"/>
      <c r="L158" s="84"/>
      <c r="M158" s="84"/>
      <c r="N158" s="84"/>
      <c r="O158" s="84"/>
      <c r="P158" s="84"/>
      <c r="Q158" s="84"/>
      <c r="R158" s="84"/>
      <c r="S158" s="84"/>
      <c r="T158" s="84"/>
      <c r="U158" s="84"/>
      <c r="V158" s="84"/>
      <c r="W158" s="84"/>
    </row>
    <row r="159" spans="1:23">
      <c r="A159" s="22"/>
      <c r="B159" s="22"/>
      <c r="C159" s="84"/>
      <c r="D159" s="84"/>
      <c r="E159" s="84"/>
      <c r="F159" s="84"/>
      <c r="G159" s="84"/>
      <c r="H159" s="84"/>
      <c r="I159" s="84"/>
      <c r="J159" s="84"/>
      <c r="K159" s="84"/>
      <c r="L159" s="84"/>
      <c r="M159" s="84"/>
      <c r="N159" s="84"/>
      <c r="O159" s="84"/>
      <c r="P159" s="84"/>
      <c r="Q159" s="84"/>
      <c r="R159" s="84"/>
      <c r="S159" s="84"/>
      <c r="T159" s="84"/>
      <c r="U159" s="84"/>
      <c r="V159" s="84"/>
      <c r="W159" s="84"/>
    </row>
    <row r="160" spans="1:23">
      <c r="A160" s="22"/>
      <c r="B160" s="22"/>
      <c r="C160" s="84"/>
      <c r="D160" s="84"/>
      <c r="E160" s="84"/>
      <c r="F160" s="84"/>
      <c r="G160" s="84"/>
      <c r="H160" s="84"/>
      <c r="I160" s="84"/>
      <c r="J160" s="84"/>
      <c r="K160" s="84"/>
      <c r="L160" s="84"/>
      <c r="M160" s="84"/>
      <c r="N160" s="84"/>
      <c r="O160" s="84"/>
      <c r="P160" s="84"/>
      <c r="Q160" s="84"/>
      <c r="R160" s="84"/>
      <c r="S160" s="84"/>
      <c r="T160" s="84"/>
      <c r="U160" s="84"/>
      <c r="V160" s="84"/>
      <c r="W160" s="84"/>
    </row>
    <row r="161" spans="1:23">
      <c r="A161" s="22"/>
      <c r="B161" s="22"/>
      <c r="C161" s="84"/>
      <c r="D161" s="84"/>
      <c r="E161" s="84"/>
      <c r="F161" s="84"/>
      <c r="G161" s="84"/>
      <c r="H161" s="84"/>
      <c r="I161" s="84"/>
      <c r="J161" s="84"/>
      <c r="K161" s="84"/>
      <c r="L161" s="84"/>
      <c r="M161" s="84"/>
      <c r="N161" s="84"/>
      <c r="O161" s="84"/>
      <c r="P161" s="84"/>
      <c r="Q161" s="84"/>
      <c r="R161" s="84"/>
      <c r="S161" s="84"/>
      <c r="T161" s="84"/>
      <c r="U161" s="84"/>
      <c r="V161" s="84"/>
      <c r="W161" s="84"/>
    </row>
    <row r="162" spans="1:23">
      <c r="A162" s="22"/>
      <c r="B162" s="22"/>
      <c r="C162" s="84"/>
      <c r="D162" s="84"/>
      <c r="E162" s="84"/>
      <c r="F162" s="84"/>
      <c r="G162" s="84"/>
      <c r="H162" s="84"/>
      <c r="I162" s="84"/>
      <c r="J162" s="84"/>
      <c r="K162" s="84"/>
      <c r="L162" s="84"/>
      <c r="M162" s="84"/>
      <c r="N162" s="84"/>
      <c r="O162" s="84"/>
      <c r="P162" s="84"/>
      <c r="Q162" s="84"/>
      <c r="R162" s="84"/>
      <c r="S162" s="84"/>
      <c r="T162" s="84"/>
      <c r="U162" s="84"/>
      <c r="V162" s="84"/>
      <c r="W162" s="84"/>
    </row>
    <row r="163" spans="1:23" ht="12.75">
      <c r="A163" s="22"/>
      <c r="B163" s="22"/>
      <c r="C163" s="84"/>
      <c r="D163" s="84"/>
      <c r="E163" s="84"/>
      <c r="F163" s="84"/>
      <c r="G163" s="84"/>
      <c r="H163" s="84"/>
      <c r="I163" s="84"/>
      <c r="J163" s="84"/>
      <c r="K163" s="103" t="s">
        <v>109</v>
      </c>
      <c r="L163" s="84"/>
      <c r="M163" s="84"/>
      <c r="N163" s="84"/>
      <c r="O163" s="84"/>
      <c r="P163" s="84"/>
      <c r="Q163" s="84"/>
      <c r="R163" s="84"/>
      <c r="S163" s="84"/>
      <c r="T163" s="84"/>
      <c r="U163" s="84"/>
      <c r="V163" s="84"/>
      <c r="W163" s="84"/>
    </row>
    <row r="164" spans="1:23" ht="12.75">
      <c r="A164" s="22"/>
      <c r="B164" s="22"/>
      <c r="C164" s="84"/>
      <c r="D164" s="84"/>
      <c r="E164" s="84"/>
      <c r="F164" s="84"/>
      <c r="G164" s="84"/>
      <c r="H164" s="84"/>
      <c r="I164" s="84"/>
      <c r="J164" s="84"/>
      <c r="K164" s="85"/>
      <c r="L164" s="84"/>
      <c r="M164" s="84"/>
      <c r="N164" s="84"/>
      <c r="O164" s="84"/>
      <c r="P164" s="84"/>
      <c r="Q164" s="84"/>
      <c r="R164" s="84"/>
      <c r="S164" s="84"/>
      <c r="T164" s="84"/>
      <c r="U164" s="84"/>
      <c r="V164" s="84"/>
      <c r="W164" s="84"/>
    </row>
    <row r="165" spans="1:23" ht="12.75">
      <c r="A165" s="22"/>
      <c r="B165" s="22"/>
      <c r="C165" s="84"/>
      <c r="D165" s="84"/>
      <c r="E165" s="84"/>
      <c r="F165" s="84"/>
      <c r="G165" s="84"/>
      <c r="H165" s="84"/>
      <c r="I165" s="84"/>
      <c r="J165" s="84"/>
      <c r="K165" s="85"/>
      <c r="L165" s="84"/>
      <c r="M165" s="84"/>
      <c r="N165" s="84"/>
      <c r="O165" s="84"/>
      <c r="P165" s="84"/>
      <c r="Q165" s="84"/>
      <c r="R165" s="84"/>
      <c r="S165" s="84"/>
      <c r="T165" s="84"/>
      <c r="U165" s="84"/>
      <c r="V165" s="84"/>
      <c r="W165" s="84"/>
    </row>
    <row r="166" spans="1:23">
      <c r="A166" s="22"/>
      <c r="B166" s="22"/>
      <c r="C166" s="84"/>
      <c r="D166" s="84"/>
      <c r="E166" s="84"/>
      <c r="F166" s="84"/>
      <c r="G166" s="84"/>
      <c r="H166" s="84"/>
      <c r="I166" s="84"/>
      <c r="J166" s="84"/>
      <c r="K166" s="84"/>
      <c r="L166" s="84"/>
      <c r="M166" s="84"/>
      <c r="N166" s="84"/>
      <c r="O166" s="84"/>
      <c r="P166" s="84"/>
      <c r="Q166" s="84"/>
      <c r="R166" s="84"/>
      <c r="S166" s="84"/>
      <c r="T166" s="84"/>
      <c r="U166" s="84"/>
      <c r="V166" s="84"/>
      <c r="W166" s="84"/>
    </row>
    <row r="167" spans="1:23" ht="18">
      <c r="A167" s="82" t="s">
        <v>98</v>
      </c>
      <c r="K167" s="85"/>
    </row>
    <row r="168" spans="1:23" ht="22.5">
      <c r="A168" s="28" t="s">
        <v>41</v>
      </c>
      <c r="B168" s="29" t="s">
        <v>42</v>
      </c>
      <c r="C168" s="19" t="s">
        <v>43</v>
      </c>
      <c r="D168" s="29" t="s">
        <v>44</v>
      </c>
      <c r="E168" s="30" t="s">
        <v>2</v>
      </c>
      <c r="F168" s="30" t="s">
        <v>3</v>
      </c>
      <c r="G168" s="30" t="s">
        <v>4</v>
      </c>
      <c r="H168" s="30" t="s">
        <v>5</v>
      </c>
      <c r="I168" s="30" t="s">
        <v>6</v>
      </c>
      <c r="J168" s="30" t="s">
        <v>7</v>
      </c>
      <c r="K168" s="30" t="s">
        <v>8</v>
      </c>
      <c r="L168" s="30" t="s">
        <v>9</v>
      </c>
      <c r="M168" s="30" t="s">
        <v>10</v>
      </c>
      <c r="N168" s="30" t="s">
        <v>11</v>
      </c>
      <c r="O168" s="30" t="s">
        <v>12</v>
      </c>
      <c r="P168" s="30" t="s">
        <v>13</v>
      </c>
      <c r="Q168" s="30" t="s">
        <v>14</v>
      </c>
      <c r="R168" s="30" t="s">
        <v>15</v>
      </c>
      <c r="S168" s="30" t="s">
        <v>16</v>
      </c>
      <c r="T168" s="30" t="s">
        <v>17</v>
      </c>
      <c r="U168" s="30" t="s">
        <v>18</v>
      </c>
      <c r="V168" s="30" t="s">
        <v>19</v>
      </c>
      <c r="W168" s="30" t="s">
        <v>20</v>
      </c>
    </row>
    <row r="169" spans="1:23">
      <c r="A169" s="21" t="s">
        <v>45</v>
      </c>
      <c r="B169" s="31">
        <v>333083.95</v>
      </c>
      <c r="C169" s="22">
        <v>10</v>
      </c>
      <c r="D169" s="23">
        <v>0</v>
      </c>
      <c r="E169" s="31">
        <v>1432227.6766050004</v>
      </c>
      <c r="F169" s="31">
        <v>333083.95</v>
      </c>
      <c r="G169" s="31">
        <v>333083.95</v>
      </c>
      <c r="H169" s="31">
        <v>333083.95</v>
      </c>
      <c r="I169" s="31">
        <v>333083.95</v>
      </c>
      <c r="J169" s="31">
        <v>333083.95</v>
      </c>
      <c r="K169" s="31">
        <v>333083.95</v>
      </c>
      <c r="L169" s="31">
        <v>333083.95</v>
      </c>
      <c r="M169" s="31">
        <v>333083.95</v>
      </c>
      <c r="N169" s="31">
        <v>333083.95</v>
      </c>
      <c r="O169" s="31">
        <v>333083.95</v>
      </c>
      <c r="P169" s="31">
        <v>333083.95</v>
      </c>
      <c r="Q169" s="31">
        <v>333083.95</v>
      </c>
      <c r="R169" s="31">
        <v>333083.95</v>
      </c>
      <c r="S169" s="31">
        <v>333083.95</v>
      </c>
      <c r="T169" s="31">
        <v>333083.95</v>
      </c>
      <c r="U169" s="31">
        <v>333083.95</v>
      </c>
      <c r="V169" s="31">
        <v>333083.95</v>
      </c>
      <c r="W169" s="31">
        <v>333083.95</v>
      </c>
    </row>
    <row r="170" spans="1:23">
      <c r="A170" s="21" t="s">
        <v>46</v>
      </c>
      <c r="B170" s="31">
        <v>281987.55</v>
      </c>
      <c r="C170" s="22">
        <v>7</v>
      </c>
      <c r="D170" s="23">
        <v>0</v>
      </c>
      <c r="E170" s="31">
        <v>958701.27249000012</v>
      </c>
      <c r="F170" s="31">
        <v>281987.55</v>
      </c>
      <c r="G170" s="31">
        <v>281987.55</v>
      </c>
      <c r="H170" s="31">
        <v>281987.55</v>
      </c>
      <c r="I170" s="31">
        <v>281987.55</v>
      </c>
      <c r="J170" s="31">
        <v>281987.55</v>
      </c>
      <c r="K170" s="31">
        <v>281987.55</v>
      </c>
      <c r="L170" s="31">
        <v>281987.55</v>
      </c>
      <c r="M170" s="31">
        <v>281987.55</v>
      </c>
      <c r="N170" s="31">
        <v>281987.55</v>
      </c>
      <c r="O170" s="31">
        <v>281987.55</v>
      </c>
      <c r="P170" s="31">
        <v>281987.55</v>
      </c>
      <c r="Q170" s="31">
        <v>281987.55</v>
      </c>
      <c r="R170" s="31">
        <v>281987.55</v>
      </c>
      <c r="S170" s="31">
        <v>281987.55</v>
      </c>
      <c r="T170" s="31">
        <v>281987.55</v>
      </c>
      <c r="U170" s="31">
        <v>281987.55</v>
      </c>
      <c r="V170" s="31">
        <v>281987.55</v>
      </c>
      <c r="W170" s="31">
        <v>281987.55</v>
      </c>
    </row>
    <row r="171" spans="1:23">
      <c r="A171" s="21" t="s">
        <v>47</v>
      </c>
      <c r="B171" s="31">
        <v>353113.29</v>
      </c>
      <c r="C171" s="22">
        <v>10</v>
      </c>
      <c r="D171" s="23">
        <v>0</v>
      </c>
      <c r="E171" s="31">
        <v>1518351.8356710002</v>
      </c>
      <c r="F171" s="31">
        <v>353113.29</v>
      </c>
      <c r="G171" s="31">
        <v>353113.29</v>
      </c>
      <c r="H171" s="31">
        <v>353113.29</v>
      </c>
      <c r="I171" s="31">
        <v>353113.29</v>
      </c>
      <c r="J171" s="31">
        <v>353113.29</v>
      </c>
      <c r="K171" s="31">
        <v>353113.29</v>
      </c>
      <c r="L171" s="31">
        <v>353113.29</v>
      </c>
      <c r="M171" s="31">
        <v>353113.29</v>
      </c>
      <c r="N171" s="31">
        <v>353113.29</v>
      </c>
      <c r="O171" s="31">
        <v>353113.29</v>
      </c>
      <c r="P171" s="31">
        <v>353113.29</v>
      </c>
      <c r="Q171" s="31">
        <v>353113.29</v>
      </c>
      <c r="R171" s="31">
        <v>353113.29</v>
      </c>
      <c r="S171" s="31">
        <v>353113.29</v>
      </c>
      <c r="T171" s="31">
        <v>353113.29</v>
      </c>
      <c r="U171" s="31">
        <v>353113.29</v>
      </c>
      <c r="V171" s="31">
        <v>353113.29</v>
      </c>
      <c r="W171" s="31">
        <v>353113.29</v>
      </c>
    </row>
    <row r="172" spans="1:23">
      <c r="A172" s="21" t="s">
        <v>48</v>
      </c>
      <c r="B172" s="31">
        <v>516388.5</v>
      </c>
      <c r="C172" s="22">
        <v>10</v>
      </c>
      <c r="D172" s="23">
        <v>0</v>
      </c>
      <c r="E172" s="31">
        <v>2220418.9111500005</v>
      </c>
      <c r="F172" s="31">
        <v>516388.5</v>
      </c>
      <c r="G172" s="31">
        <v>516388.5</v>
      </c>
      <c r="H172" s="31">
        <v>516388.5</v>
      </c>
      <c r="I172" s="31">
        <v>516388.5</v>
      </c>
      <c r="J172" s="31">
        <v>516388.5</v>
      </c>
      <c r="K172" s="31">
        <v>516388.5</v>
      </c>
      <c r="L172" s="31">
        <v>516388.5</v>
      </c>
      <c r="M172" s="31">
        <v>516388.5</v>
      </c>
      <c r="N172" s="31">
        <v>516388.5</v>
      </c>
      <c r="O172" s="31">
        <v>516388.5</v>
      </c>
      <c r="P172" s="31">
        <v>516388.5</v>
      </c>
      <c r="Q172" s="31">
        <v>516388.5</v>
      </c>
      <c r="R172" s="31">
        <v>516388.5</v>
      </c>
      <c r="S172" s="31">
        <v>516388.5</v>
      </c>
      <c r="T172" s="31">
        <v>516388.5</v>
      </c>
      <c r="U172" s="31">
        <v>516388.5</v>
      </c>
      <c r="V172" s="31">
        <v>516388.5</v>
      </c>
      <c r="W172" s="31">
        <v>516388.5</v>
      </c>
    </row>
    <row r="173" spans="1:23">
      <c r="A173" s="21" t="s">
        <v>49</v>
      </c>
      <c r="B173" s="31">
        <v>610666.19999999995</v>
      </c>
      <c r="C173" s="22">
        <v>10</v>
      </c>
      <c r="D173" s="23">
        <v>0</v>
      </c>
      <c r="E173" s="31">
        <v>2625803.5933800004</v>
      </c>
      <c r="F173" s="31">
        <v>610666.19999999995</v>
      </c>
      <c r="G173" s="31">
        <v>610666.19999999995</v>
      </c>
      <c r="H173" s="31">
        <v>610666.19999999995</v>
      </c>
      <c r="I173" s="31">
        <v>610666.19999999995</v>
      </c>
      <c r="J173" s="31">
        <v>610666.19999999995</v>
      </c>
      <c r="K173" s="31">
        <v>610666.19999999995</v>
      </c>
      <c r="L173" s="31">
        <v>610666.19999999995</v>
      </c>
      <c r="M173" s="31">
        <v>610666.19999999995</v>
      </c>
      <c r="N173" s="31">
        <v>610666.19999999995</v>
      </c>
      <c r="O173" s="31">
        <v>610666.19999999995</v>
      </c>
      <c r="P173" s="31">
        <v>610666.19999999995</v>
      </c>
      <c r="Q173" s="31">
        <v>610666.19999999995</v>
      </c>
      <c r="R173" s="31">
        <v>610666.19999999995</v>
      </c>
      <c r="S173" s="31">
        <v>610666.19999999995</v>
      </c>
      <c r="T173" s="31">
        <v>610666.19999999995</v>
      </c>
      <c r="U173" s="31">
        <v>610666.19999999995</v>
      </c>
      <c r="V173" s="31">
        <v>610666.19999999995</v>
      </c>
      <c r="W173" s="31">
        <v>610666.19999999995</v>
      </c>
    </row>
    <row r="174" spans="1:23">
      <c r="A174" s="21" t="s">
        <v>50</v>
      </c>
      <c r="B174" s="31">
        <v>917854.6</v>
      </c>
      <c r="C174" s="32">
        <v>10</v>
      </c>
      <c r="D174" s="23">
        <v>0</v>
      </c>
      <c r="E174" s="31">
        <v>3946682.9945400008</v>
      </c>
      <c r="F174" s="31">
        <v>917854.6</v>
      </c>
      <c r="G174" s="31">
        <v>917854.6</v>
      </c>
      <c r="H174" s="31">
        <v>917854.6</v>
      </c>
      <c r="I174" s="31">
        <v>917854.6</v>
      </c>
      <c r="J174" s="31">
        <v>917854.6</v>
      </c>
      <c r="K174" s="31">
        <v>917854.6</v>
      </c>
      <c r="L174" s="31">
        <v>917854.6</v>
      </c>
      <c r="M174" s="31">
        <v>917854.6</v>
      </c>
      <c r="N174" s="31">
        <v>917854.6</v>
      </c>
      <c r="O174" s="31">
        <v>917854.6</v>
      </c>
      <c r="P174" s="31">
        <v>917854.6</v>
      </c>
      <c r="Q174" s="31">
        <v>917854.6</v>
      </c>
      <c r="R174" s="31">
        <v>917854.6</v>
      </c>
      <c r="S174" s="31">
        <v>917854.6</v>
      </c>
      <c r="T174" s="31">
        <v>917854.6</v>
      </c>
      <c r="U174" s="31">
        <v>917854.6</v>
      </c>
      <c r="V174" s="31">
        <v>917854.6</v>
      </c>
      <c r="W174" s="31">
        <v>917854.6</v>
      </c>
    </row>
    <row r="175" spans="1:23">
      <c r="A175" s="21" t="s">
        <v>51</v>
      </c>
      <c r="B175" s="31">
        <v>943141.58</v>
      </c>
      <c r="C175" s="32" t="s">
        <v>52</v>
      </c>
      <c r="D175" s="23">
        <v>0</v>
      </c>
      <c r="E175" s="31">
        <v>7965207.8997319993</v>
      </c>
      <c r="F175" s="31">
        <v>0</v>
      </c>
      <c r="G175" s="31">
        <v>0</v>
      </c>
      <c r="H175" s="31">
        <v>0</v>
      </c>
      <c r="I175" s="31">
        <v>0</v>
      </c>
      <c r="J175" s="31">
        <v>0</v>
      </c>
      <c r="K175" s="31">
        <v>943141.58</v>
      </c>
      <c r="L175" s="31">
        <v>943141.58</v>
      </c>
      <c r="M175" s="31">
        <v>943141.58</v>
      </c>
      <c r="N175" s="31">
        <v>943141.58</v>
      </c>
      <c r="O175" s="31">
        <v>5658849.4799999995</v>
      </c>
      <c r="P175" s="31">
        <v>0</v>
      </c>
      <c r="Q175" s="31">
        <v>0</v>
      </c>
      <c r="R175" s="31">
        <v>0</v>
      </c>
      <c r="S175" s="31">
        <v>0</v>
      </c>
      <c r="T175" s="31">
        <v>0</v>
      </c>
      <c r="U175" s="31">
        <v>943141.58</v>
      </c>
      <c r="V175" s="31">
        <v>943141.58</v>
      </c>
      <c r="W175" s="31">
        <v>943141.58</v>
      </c>
    </row>
    <row r="176" spans="1:23">
      <c r="A176" s="21" t="s">
        <v>53</v>
      </c>
      <c r="B176" s="31">
        <v>978255.89</v>
      </c>
      <c r="C176" s="32" t="s">
        <v>52</v>
      </c>
      <c r="D176" s="23">
        <v>0</v>
      </c>
      <c r="E176" s="31">
        <v>8261762.2934059994</v>
      </c>
      <c r="F176" s="31">
        <v>0</v>
      </c>
      <c r="G176" s="31">
        <v>0</v>
      </c>
      <c r="H176" s="31">
        <v>0</v>
      </c>
      <c r="I176" s="31">
        <v>0</v>
      </c>
      <c r="J176" s="31">
        <v>0</v>
      </c>
      <c r="K176" s="31">
        <v>978255.89</v>
      </c>
      <c r="L176" s="31">
        <v>978255.89</v>
      </c>
      <c r="M176" s="31">
        <v>978255.89</v>
      </c>
      <c r="N176" s="31">
        <v>978255.89</v>
      </c>
      <c r="O176" s="31">
        <v>5869535.3399999999</v>
      </c>
      <c r="P176" s="31">
        <v>0</v>
      </c>
      <c r="Q176" s="31">
        <v>0</v>
      </c>
      <c r="R176" s="31">
        <v>0</v>
      </c>
      <c r="S176" s="31">
        <v>0</v>
      </c>
      <c r="T176" s="31">
        <v>0</v>
      </c>
      <c r="U176" s="31">
        <v>978255.89</v>
      </c>
      <c r="V176" s="31">
        <v>978255.89</v>
      </c>
      <c r="W176" s="31">
        <v>978255.89</v>
      </c>
    </row>
    <row r="177" spans="1:23">
      <c r="A177" s="25" t="s">
        <v>54</v>
      </c>
      <c r="B177" s="33">
        <v>1172767.73</v>
      </c>
      <c r="C177" s="86">
        <v>10</v>
      </c>
      <c r="D177" s="34">
        <v>0</v>
      </c>
      <c r="E177" s="33">
        <v>5042783.9622270009</v>
      </c>
      <c r="F177" s="33">
        <v>1172767.73</v>
      </c>
      <c r="G177" s="33">
        <v>1172767.73</v>
      </c>
      <c r="H177" s="33">
        <v>1172767.73</v>
      </c>
      <c r="I177" s="33">
        <v>1172767.73</v>
      </c>
      <c r="J177" s="33">
        <v>1172767.73</v>
      </c>
      <c r="K177" s="33">
        <v>1172767.73</v>
      </c>
      <c r="L177" s="33">
        <v>1172767.73</v>
      </c>
      <c r="M177" s="33">
        <v>1172767.73</v>
      </c>
      <c r="N177" s="33">
        <v>1172767.73</v>
      </c>
      <c r="O177" s="33">
        <v>1172767.73</v>
      </c>
      <c r="P177" s="33">
        <v>1172767.73</v>
      </c>
      <c r="Q177" s="33">
        <v>1172767.73</v>
      </c>
      <c r="R177" s="33">
        <v>1172767.73</v>
      </c>
      <c r="S177" s="33">
        <v>1172767.73</v>
      </c>
      <c r="T177" s="33">
        <v>1172767.73</v>
      </c>
      <c r="U177" s="33">
        <v>1172767.73</v>
      </c>
      <c r="V177" s="33">
        <v>1172767.73</v>
      </c>
      <c r="W177" s="33">
        <v>1172767.73</v>
      </c>
    </row>
    <row r="178" spans="1:23">
      <c r="B178" s="35"/>
      <c r="E178" s="35"/>
      <c r="F178" s="35"/>
      <c r="G178" s="35"/>
      <c r="H178" s="35"/>
      <c r="I178" s="35"/>
      <c r="J178" s="35"/>
      <c r="K178" s="35"/>
      <c r="L178" s="35"/>
      <c r="M178" s="35"/>
      <c r="N178" s="35"/>
      <c r="O178" s="35"/>
      <c r="P178" s="35"/>
      <c r="Q178" s="35"/>
      <c r="R178" s="35"/>
      <c r="S178" s="35"/>
      <c r="T178" s="35"/>
      <c r="U178" s="35"/>
      <c r="V178" s="35"/>
      <c r="W178" s="35"/>
    </row>
    <row r="179" spans="1:23">
      <c r="B179" s="35"/>
      <c r="E179" s="35"/>
      <c r="F179" s="35"/>
      <c r="G179" s="35"/>
      <c r="H179" s="35"/>
      <c r="I179" s="35"/>
      <c r="J179" s="35"/>
      <c r="K179" s="35"/>
      <c r="L179" s="35"/>
      <c r="M179" s="35"/>
      <c r="N179" s="35"/>
      <c r="O179" s="35"/>
      <c r="P179" s="35"/>
      <c r="Q179" s="35"/>
      <c r="R179" s="35"/>
      <c r="S179" s="35"/>
      <c r="T179" s="35"/>
      <c r="U179" s="35"/>
      <c r="V179" s="35"/>
      <c r="W179" s="35"/>
    </row>
    <row r="180" spans="1:23" ht="18">
      <c r="A180" s="82" t="s">
        <v>99</v>
      </c>
      <c r="B180" s="35"/>
      <c r="E180" s="36"/>
      <c r="F180" s="35"/>
      <c r="G180" s="35"/>
      <c r="H180" s="35"/>
      <c r="I180" s="35"/>
      <c r="J180" s="35"/>
      <c r="K180" s="35"/>
      <c r="L180" s="35"/>
      <c r="M180" s="35"/>
      <c r="N180" s="35"/>
      <c r="O180" s="35"/>
      <c r="P180" s="35"/>
      <c r="Q180" s="35"/>
      <c r="R180" s="35"/>
      <c r="S180" s="35"/>
      <c r="T180" s="35"/>
      <c r="U180" s="35"/>
      <c r="V180" s="35"/>
      <c r="W180" s="35"/>
    </row>
    <row r="181" spans="1:23">
      <c r="A181" s="28" t="s">
        <v>41</v>
      </c>
      <c r="B181" s="29"/>
      <c r="C181" s="19"/>
      <c r="D181" s="29"/>
      <c r="E181" s="29"/>
      <c r="F181" s="30" t="s">
        <v>3</v>
      </c>
      <c r="G181" s="30" t="s">
        <v>4</v>
      </c>
      <c r="H181" s="30" t="s">
        <v>5</v>
      </c>
      <c r="I181" s="30" t="s">
        <v>6</v>
      </c>
      <c r="J181" s="30" t="s">
        <v>7</v>
      </c>
      <c r="K181" s="30" t="s">
        <v>8</v>
      </c>
      <c r="L181" s="30" t="s">
        <v>9</v>
      </c>
      <c r="M181" s="30" t="s">
        <v>10</v>
      </c>
      <c r="N181" s="30" t="s">
        <v>11</v>
      </c>
      <c r="O181" s="30" t="s">
        <v>12</v>
      </c>
      <c r="P181" s="30" t="s">
        <v>13</v>
      </c>
      <c r="Q181" s="30" t="s">
        <v>14</v>
      </c>
      <c r="R181" s="30" t="s">
        <v>15</v>
      </c>
      <c r="S181" s="30" t="s">
        <v>16</v>
      </c>
      <c r="T181" s="30" t="s">
        <v>17</v>
      </c>
      <c r="U181" s="30" t="s">
        <v>18</v>
      </c>
      <c r="V181" s="30" t="s">
        <v>19</v>
      </c>
      <c r="W181" s="30" t="s">
        <v>20</v>
      </c>
    </row>
    <row r="182" spans="1:23">
      <c r="A182" s="21" t="s">
        <v>45</v>
      </c>
      <c r="B182" s="31"/>
      <c r="C182" s="22"/>
      <c r="D182" s="23"/>
      <c r="E182" s="23"/>
      <c r="F182" s="31">
        <v>214834.15149075008</v>
      </c>
      <c r="G182" s="31">
        <v>281450.94149075006</v>
      </c>
      <c r="H182" s="31">
        <v>348067.7314907501</v>
      </c>
      <c r="I182" s="31">
        <v>414684.52149075014</v>
      </c>
      <c r="J182" s="31">
        <v>481301.31149075017</v>
      </c>
      <c r="K182" s="31">
        <v>333083.95000000007</v>
      </c>
      <c r="L182" s="31">
        <v>333083.95000000007</v>
      </c>
      <c r="M182" s="31">
        <v>333083.95000000007</v>
      </c>
      <c r="N182" s="31">
        <v>333083.95000000007</v>
      </c>
      <c r="O182" s="31">
        <v>333083.95000000007</v>
      </c>
      <c r="P182" s="31">
        <v>333083.95000000007</v>
      </c>
      <c r="Q182" s="31">
        <v>333083.95000000007</v>
      </c>
      <c r="R182" s="31">
        <v>333083.95000000007</v>
      </c>
      <c r="S182" s="31">
        <v>333083.95000000007</v>
      </c>
      <c r="T182" s="31">
        <v>333083.95000000007</v>
      </c>
      <c r="U182" s="31">
        <v>333083.95000000007</v>
      </c>
      <c r="V182" s="31">
        <v>333083.95000000007</v>
      </c>
      <c r="W182" s="31">
        <v>333083.95000000007</v>
      </c>
    </row>
    <row r="183" spans="1:23">
      <c r="A183" s="21" t="s">
        <v>46</v>
      </c>
      <c r="B183" s="31"/>
      <c r="C183" s="22"/>
      <c r="D183" s="23"/>
      <c r="E183" s="23"/>
      <c r="F183" s="31">
        <v>143805.19087350002</v>
      </c>
      <c r="G183" s="31">
        <v>200202.70087350003</v>
      </c>
      <c r="H183" s="31">
        <v>256600.21087350004</v>
      </c>
      <c r="I183" s="31">
        <v>312997.72087350005</v>
      </c>
      <c r="J183" s="31">
        <v>369395.23087350006</v>
      </c>
      <c r="K183" s="31">
        <v>281987.55</v>
      </c>
      <c r="L183" s="31">
        <v>281987.55</v>
      </c>
      <c r="M183" s="31">
        <v>281987.55</v>
      </c>
      <c r="N183" s="31">
        <v>281987.55</v>
      </c>
      <c r="O183" s="31">
        <v>281987.55</v>
      </c>
      <c r="P183" s="31">
        <v>281987.55</v>
      </c>
      <c r="Q183" s="31">
        <v>281987.55</v>
      </c>
      <c r="R183" s="31">
        <v>281987.55</v>
      </c>
      <c r="S183" s="31">
        <v>281987.55</v>
      </c>
      <c r="T183" s="31">
        <v>281987.55</v>
      </c>
      <c r="U183" s="31">
        <v>281987.55</v>
      </c>
      <c r="V183" s="31">
        <v>281987.55</v>
      </c>
      <c r="W183" s="31">
        <v>281987.55</v>
      </c>
    </row>
    <row r="184" spans="1:23">
      <c r="A184" s="21" t="s">
        <v>47</v>
      </c>
      <c r="B184" s="31"/>
      <c r="C184" s="22"/>
      <c r="D184" s="23"/>
      <c r="E184" s="23"/>
      <c r="F184" s="31">
        <v>227752.77535065002</v>
      </c>
      <c r="G184" s="31">
        <v>298375.43335065001</v>
      </c>
      <c r="H184" s="31">
        <v>368998.09135065001</v>
      </c>
      <c r="I184" s="31">
        <v>439620.74935065</v>
      </c>
      <c r="J184" s="31">
        <v>510243.40735065</v>
      </c>
      <c r="K184" s="31">
        <v>353113.29</v>
      </c>
      <c r="L184" s="31">
        <v>353113.29</v>
      </c>
      <c r="M184" s="31">
        <v>353113.29</v>
      </c>
      <c r="N184" s="31">
        <v>353113.29</v>
      </c>
      <c r="O184" s="31">
        <v>353113.29</v>
      </c>
      <c r="P184" s="31">
        <v>353113.29</v>
      </c>
      <c r="Q184" s="31">
        <v>353113.29</v>
      </c>
      <c r="R184" s="31">
        <v>353113.29</v>
      </c>
      <c r="S184" s="31">
        <v>353113.29</v>
      </c>
      <c r="T184" s="31">
        <v>353113.29</v>
      </c>
      <c r="U184" s="31">
        <v>353113.29</v>
      </c>
      <c r="V184" s="31">
        <v>353113.29</v>
      </c>
      <c r="W184" s="31">
        <v>353113.29</v>
      </c>
    </row>
    <row r="185" spans="1:23">
      <c r="A185" s="21" t="s">
        <v>48</v>
      </c>
      <c r="B185" s="31"/>
      <c r="C185" s="22"/>
      <c r="D185" s="23"/>
      <c r="E185" s="23"/>
      <c r="F185" s="31">
        <v>333062.83667250007</v>
      </c>
      <c r="G185" s="31">
        <v>436340.53667250008</v>
      </c>
      <c r="H185" s="31">
        <v>539618.23667250003</v>
      </c>
      <c r="I185" s="31">
        <v>642895.93667249999</v>
      </c>
      <c r="J185" s="31">
        <v>746173.63667249994</v>
      </c>
      <c r="K185" s="31">
        <v>516388.5</v>
      </c>
      <c r="L185" s="31">
        <v>516388.5</v>
      </c>
      <c r="M185" s="31">
        <v>516388.5</v>
      </c>
      <c r="N185" s="31">
        <v>516388.5</v>
      </c>
      <c r="O185" s="31">
        <v>516388.5</v>
      </c>
      <c r="P185" s="31">
        <v>516388.5</v>
      </c>
      <c r="Q185" s="31">
        <v>516388.5</v>
      </c>
      <c r="R185" s="31">
        <v>516388.5</v>
      </c>
      <c r="S185" s="31">
        <v>516388.5</v>
      </c>
      <c r="T185" s="31">
        <v>516388.5</v>
      </c>
      <c r="U185" s="31">
        <v>516388.5</v>
      </c>
      <c r="V185" s="31">
        <v>516388.5</v>
      </c>
      <c r="W185" s="31">
        <v>516388.5</v>
      </c>
    </row>
    <row r="186" spans="1:23">
      <c r="A186" s="21" t="s">
        <v>49</v>
      </c>
      <c r="B186" s="31"/>
      <c r="C186" s="22"/>
      <c r="D186" s="23"/>
      <c r="E186" s="23"/>
      <c r="F186" s="31">
        <v>393870.53900700004</v>
      </c>
      <c r="G186" s="31">
        <v>516003.77900700003</v>
      </c>
      <c r="H186" s="31">
        <v>638137.01900700002</v>
      </c>
      <c r="I186" s="31">
        <v>760270.25900700002</v>
      </c>
      <c r="J186" s="31">
        <v>882403.49900700001</v>
      </c>
      <c r="K186" s="31">
        <v>610666.19999999995</v>
      </c>
      <c r="L186" s="31">
        <v>610666.19999999995</v>
      </c>
      <c r="M186" s="31">
        <v>610666.19999999995</v>
      </c>
      <c r="N186" s="31">
        <v>610666.19999999995</v>
      </c>
      <c r="O186" s="31">
        <v>610666.19999999995</v>
      </c>
      <c r="P186" s="31">
        <v>610666.19999999995</v>
      </c>
      <c r="Q186" s="31">
        <v>610666.19999999995</v>
      </c>
      <c r="R186" s="31">
        <v>610666.19999999995</v>
      </c>
      <c r="S186" s="31">
        <v>610666.19999999995</v>
      </c>
      <c r="T186" s="31">
        <v>610666.19999999995</v>
      </c>
      <c r="U186" s="31">
        <v>610666.19999999995</v>
      </c>
      <c r="V186" s="31">
        <v>610666.19999999995</v>
      </c>
      <c r="W186" s="31">
        <v>610666.19999999995</v>
      </c>
    </row>
    <row r="187" spans="1:23">
      <c r="A187" s="21" t="s">
        <v>50</v>
      </c>
      <c r="B187" s="31"/>
      <c r="C187" s="22"/>
      <c r="D187" s="23"/>
      <c r="E187" s="23"/>
      <c r="F187" s="31">
        <v>592002.44918100012</v>
      </c>
      <c r="G187" s="31">
        <v>775573.36918100016</v>
      </c>
      <c r="H187" s="31">
        <v>959144.28918100009</v>
      </c>
      <c r="I187" s="31">
        <v>1142715.209181</v>
      </c>
      <c r="J187" s="31">
        <v>1326286.1291809999</v>
      </c>
      <c r="K187" s="31">
        <v>917854.59999999986</v>
      </c>
      <c r="L187" s="31">
        <v>917854.59999999986</v>
      </c>
      <c r="M187" s="31">
        <v>917854.59999999986</v>
      </c>
      <c r="N187" s="31">
        <v>917854.59999999986</v>
      </c>
      <c r="O187" s="31">
        <v>917854.59999999986</v>
      </c>
      <c r="P187" s="31">
        <v>917854.59999999986</v>
      </c>
      <c r="Q187" s="31">
        <v>917854.59999999986</v>
      </c>
      <c r="R187" s="31">
        <v>917854.59999999986</v>
      </c>
      <c r="S187" s="31">
        <v>917854.59999999986</v>
      </c>
      <c r="T187" s="31">
        <v>917854.59999999986</v>
      </c>
      <c r="U187" s="31">
        <v>917854.59999999986</v>
      </c>
      <c r="V187" s="31">
        <v>917854.59999999986</v>
      </c>
      <c r="W187" s="31">
        <v>917854.59999999986</v>
      </c>
    </row>
    <row r="188" spans="1:23">
      <c r="A188" s="21" t="s">
        <v>51</v>
      </c>
      <c r="B188" s="31"/>
      <c r="C188" s="22"/>
      <c r="D188" s="23"/>
      <c r="E188" s="23"/>
      <c r="F188" s="31">
        <v>1194781.1849597997</v>
      </c>
      <c r="G188" s="31">
        <v>1194781.1849597997</v>
      </c>
      <c r="H188" s="31">
        <v>1194781.1849597997</v>
      </c>
      <c r="I188" s="31">
        <v>1194781.1849597997</v>
      </c>
      <c r="J188" s="31">
        <v>1194781.1849597997</v>
      </c>
      <c r="K188" s="31">
        <v>0</v>
      </c>
      <c r="L188" s="31">
        <v>188628.31599999999</v>
      </c>
      <c r="M188" s="31">
        <v>377256.63199999998</v>
      </c>
      <c r="N188" s="31">
        <v>565884.94799999997</v>
      </c>
      <c r="O188" s="31">
        <v>754513.26399999997</v>
      </c>
      <c r="P188" s="31">
        <v>1886283.16</v>
      </c>
      <c r="Q188" s="31">
        <v>1697654.844</v>
      </c>
      <c r="R188" s="31">
        <v>1509026.5279999999</v>
      </c>
      <c r="S188" s="31">
        <v>1320398.2119999998</v>
      </c>
      <c r="T188" s="31">
        <v>1131769.8959999999</v>
      </c>
      <c r="U188" s="31">
        <v>0</v>
      </c>
      <c r="V188" s="31">
        <v>188628.31599999999</v>
      </c>
      <c r="W188" s="31">
        <v>377256.63199999998</v>
      </c>
    </row>
    <row r="189" spans="1:23">
      <c r="A189" s="21" t="s">
        <v>53</v>
      </c>
      <c r="B189" s="31"/>
      <c r="C189" s="22"/>
      <c r="D189" s="23"/>
      <c r="E189" s="23"/>
      <c r="F189" s="31">
        <v>1239264.3440109</v>
      </c>
      <c r="G189" s="31">
        <v>1239264.3440109</v>
      </c>
      <c r="H189" s="31">
        <v>1239264.3440109</v>
      </c>
      <c r="I189" s="31">
        <v>1239264.3440109</v>
      </c>
      <c r="J189" s="31">
        <v>1239264.3440109</v>
      </c>
      <c r="K189" s="31">
        <v>0</v>
      </c>
      <c r="L189" s="31">
        <v>195651.17800000001</v>
      </c>
      <c r="M189" s="31">
        <v>391302.35600000003</v>
      </c>
      <c r="N189" s="31">
        <v>586953.53399999999</v>
      </c>
      <c r="O189" s="31">
        <v>782604.71200000006</v>
      </c>
      <c r="P189" s="31">
        <v>1956511.78</v>
      </c>
      <c r="Q189" s="31">
        <v>1760860.602</v>
      </c>
      <c r="R189" s="31">
        <v>1565209.4240000001</v>
      </c>
      <c r="S189" s="31">
        <v>1369558.246</v>
      </c>
      <c r="T189" s="31">
        <v>1173907.068</v>
      </c>
      <c r="U189" s="31">
        <v>0</v>
      </c>
      <c r="V189" s="31">
        <v>195651.17800000001</v>
      </c>
      <c r="W189" s="31">
        <v>391302.35600000003</v>
      </c>
    </row>
    <row r="190" spans="1:23">
      <c r="A190" s="25" t="s">
        <v>54</v>
      </c>
      <c r="B190" s="33"/>
      <c r="C190" s="12"/>
      <c r="D190" s="34"/>
      <c r="E190" s="34"/>
      <c r="F190" s="33">
        <v>756417.59433405008</v>
      </c>
      <c r="G190" s="33">
        <v>990971.14033405005</v>
      </c>
      <c r="H190" s="33">
        <v>1225524.68633405</v>
      </c>
      <c r="I190" s="33">
        <v>1460078.2323340501</v>
      </c>
      <c r="J190" s="33">
        <v>1694631.7783340502</v>
      </c>
      <c r="K190" s="33">
        <v>1172767.73</v>
      </c>
      <c r="L190" s="33">
        <v>1172767.73</v>
      </c>
      <c r="M190" s="33">
        <v>1172767.73</v>
      </c>
      <c r="N190" s="33">
        <v>1172767.73</v>
      </c>
      <c r="O190" s="33">
        <v>1172767.73</v>
      </c>
      <c r="P190" s="31">
        <v>1172767.73</v>
      </c>
      <c r="Q190" s="31">
        <v>1172767.73</v>
      </c>
      <c r="R190" s="31">
        <v>1172767.73</v>
      </c>
      <c r="S190" s="31">
        <v>1172767.73</v>
      </c>
      <c r="T190" s="31">
        <v>1172767.73</v>
      </c>
      <c r="U190" s="31">
        <v>1172767.73</v>
      </c>
      <c r="V190" s="31">
        <v>1172767.73</v>
      </c>
      <c r="W190" s="31">
        <v>1172767.73</v>
      </c>
    </row>
    <row r="191" spans="1:23">
      <c r="B191" s="35"/>
      <c r="F191" s="35"/>
      <c r="G191" s="35"/>
      <c r="H191" s="35"/>
      <c r="I191" s="35"/>
      <c r="J191" s="35"/>
      <c r="K191" s="35"/>
      <c r="L191" s="35"/>
      <c r="M191" s="35"/>
      <c r="N191" s="35"/>
      <c r="O191" s="35"/>
      <c r="P191" s="35"/>
      <c r="Q191" s="35"/>
      <c r="R191" s="35"/>
      <c r="S191" s="35"/>
      <c r="T191" s="35"/>
      <c r="U191" s="35"/>
      <c r="V191" s="35"/>
      <c r="W191" s="35"/>
    </row>
    <row r="192" spans="1:23" ht="18">
      <c r="A192" s="82" t="s">
        <v>100</v>
      </c>
    </row>
    <row r="193" spans="1:23" ht="22.5">
      <c r="A193" s="28" t="s">
        <v>41</v>
      </c>
      <c r="B193" s="29" t="s">
        <v>42</v>
      </c>
      <c r="C193" s="19" t="s">
        <v>43</v>
      </c>
      <c r="D193" s="29" t="s">
        <v>44</v>
      </c>
      <c r="E193" s="30" t="s">
        <v>2</v>
      </c>
      <c r="F193" s="30" t="s">
        <v>3</v>
      </c>
      <c r="G193" s="30" t="s">
        <v>4</v>
      </c>
      <c r="H193" s="30" t="s">
        <v>5</v>
      </c>
      <c r="I193" s="30" t="s">
        <v>6</v>
      </c>
      <c r="J193" s="30" t="s">
        <v>7</v>
      </c>
      <c r="K193" s="30" t="s">
        <v>8</v>
      </c>
      <c r="L193" s="30" t="s">
        <v>9</v>
      </c>
      <c r="M193" s="30" t="s">
        <v>10</v>
      </c>
      <c r="N193" s="30" t="s">
        <v>11</v>
      </c>
      <c r="O193" s="30" t="s">
        <v>12</v>
      </c>
      <c r="P193" s="30" t="s">
        <v>13</v>
      </c>
      <c r="Q193" s="30" t="s">
        <v>14</v>
      </c>
      <c r="R193" s="30" t="s">
        <v>15</v>
      </c>
      <c r="S193" s="30" t="s">
        <v>16</v>
      </c>
      <c r="T193" s="30" t="s">
        <v>17</v>
      </c>
      <c r="U193" s="30" t="s">
        <v>18</v>
      </c>
      <c r="V193" s="30" t="s">
        <v>19</v>
      </c>
      <c r="W193" s="30" t="s">
        <v>20</v>
      </c>
    </row>
    <row r="194" spans="1:23">
      <c r="A194" s="21" t="s">
        <v>45</v>
      </c>
      <c r="B194" s="31">
        <v>333083.95</v>
      </c>
      <c r="C194" s="22">
        <v>10</v>
      </c>
      <c r="D194" s="23">
        <v>0</v>
      </c>
      <c r="E194" s="31"/>
      <c r="F194" s="31">
        <v>14156.067875000001</v>
      </c>
      <c r="G194" s="31">
        <v>14156.067875000001</v>
      </c>
      <c r="H194" s="31">
        <v>14156.067875000001</v>
      </c>
      <c r="I194" s="31">
        <v>14156.067875000001</v>
      </c>
      <c r="J194" s="31">
        <v>14156.067875000001</v>
      </c>
      <c r="K194" s="31">
        <v>14156.067875000001</v>
      </c>
      <c r="L194" s="31">
        <v>14156.067875000001</v>
      </c>
      <c r="M194" s="31">
        <v>14156.067875000001</v>
      </c>
      <c r="N194" s="31">
        <v>14156.067875000001</v>
      </c>
      <c r="O194" s="31">
        <v>14156.067875000001</v>
      </c>
      <c r="P194" s="31">
        <v>14156.067875000001</v>
      </c>
      <c r="Q194" s="31">
        <v>14156.067875000001</v>
      </c>
      <c r="R194" s="31">
        <v>14156.067875000001</v>
      </c>
      <c r="S194" s="31">
        <v>14156.067875000001</v>
      </c>
      <c r="T194" s="31">
        <v>14156.067875000001</v>
      </c>
      <c r="U194" s="31">
        <v>14156.067875000001</v>
      </c>
      <c r="V194" s="31">
        <v>14156.067875000001</v>
      </c>
      <c r="W194" s="31">
        <v>14156.067875000001</v>
      </c>
    </row>
    <row r="195" spans="1:23">
      <c r="A195" s="21" t="s">
        <v>46</v>
      </c>
      <c r="B195" s="31">
        <v>281987.55</v>
      </c>
      <c r="C195" s="22">
        <v>7</v>
      </c>
      <c r="D195" s="23">
        <v>0</v>
      </c>
      <c r="E195" s="31"/>
      <c r="F195" s="31">
        <v>23968.941750000002</v>
      </c>
      <c r="G195" s="31">
        <v>23968.941750000002</v>
      </c>
      <c r="H195" s="31">
        <v>23968.941750000002</v>
      </c>
      <c r="I195" s="31">
        <v>23968.941750000002</v>
      </c>
      <c r="J195" s="31">
        <v>23968.941750000002</v>
      </c>
      <c r="K195" s="31">
        <v>23968.941750000002</v>
      </c>
      <c r="L195" s="31">
        <v>23968.941750000002</v>
      </c>
      <c r="M195" s="31">
        <v>23968.941750000002</v>
      </c>
      <c r="N195" s="31">
        <v>23968.941750000002</v>
      </c>
      <c r="O195" s="31">
        <v>23968.941750000002</v>
      </c>
      <c r="P195" s="31">
        <v>23968.941750000002</v>
      </c>
      <c r="Q195" s="31">
        <v>23968.941750000002</v>
      </c>
      <c r="R195" s="31">
        <v>23968.941750000002</v>
      </c>
      <c r="S195" s="31">
        <v>23968.941750000002</v>
      </c>
      <c r="T195" s="31">
        <v>23968.941750000002</v>
      </c>
      <c r="U195" s="31">
        <v>23968.941750000002</v>
      </c>
      <c r="V195" s="31">
        <v>23968.941750000002</v>
      </c>
      <c r="W195" s="31">
        <v>23968.941750000002</v>
      </c>
    </row>
    <row r="196" spans="1:23">
      <c r="A196" s="21" t="s">
        <v>47</v>
      </c>
      <c r="B196" s="31">
        <v>353113.29</v>
      </c>
      <c r="C196" s="22">
        <v>10</v>
      </c>
      <c r="D196" s="23">
        <v>0</v>
      </c>
      <c r="E196" s="31"/>
      <c r="F196" s="31">
        <v>15007.314824999999</v>
      </c>
      <c r="G196" s="31">
        <v>15007.314824999999</v>
      </c>
      <c r="H196" s="31">
        <v>15007.314824999999</v>
      </c>
      <c r="I196" s="31">
        <v>15007.314824999999</v>
      </c>
      <c r="J196" s="31">
        <v>15007.314824999999</v>
      </c>
      <c r="K196" s="31">
        <v>15007.314824999999</v>
      </c>
      <c r="L196" s="31">
        <v>15007.314824999999</v>
      </c>
      <c r="M196" s="31">
        <v>15007.314824999999</v>
      </c>
      <c r="N196" s="31">
        <v>15007.314824999999</v>
      </c>
      <c r="O196" s="31">
        <v>15007.314824999999</v>
      </c>
      <c r="P196" s="31">
        <v>15007.314824999999</v>
      </c>
      <c r="Q196" s="31">
        <v>15007.314824999999</v>
      </c>
      <c r="R196" s="31">
        <v>15007.314824999999</v>
      </c>
      <c r="S196" s="31">
        <v>15007.314824999999</v>
      </c>
      <c r="T196" s="31">
        <v>15007.314824999999</v>
      </c>
      <c r="U196" s="31">
        <v>15007.314824999999</v>
      </c>
      <c r="V196" s="31">
        <v>15007.314824999999</v>
      </c>
      <c r="W196" s="31">
        <v>15007.314824999999</v>
      </c>
    </row>
    <row r="197" spans="1:23">
      <c r="A197" s="21" t="s">
        <v>48</v>
      </c>
      <c r="B197" s="31">
        <v>516388.5</v>
      </c>
      <c r="C197" s="22">
        <v>10</v>
      </c>
      <c r="D197" s="23">
        <v>0</v>
      </c>
      <c r="E197" s="31"/>
      <c r="F197" s="31">
        <v>21946.511250000003</v>
      </c>
      <c r="G197" s="31">
        <v>21946.511250000003</v>
      </c>
      <c r="H197" s="31">
        <v>21946.511250000003</v>
      </c>
      <c r="I197" s="31">
        <v>21946.511250000003</v>
      </c>
      <c r="J197" s="31">
        <v>21946.511250000003</v>
      </c>
      <c r="K197" s="31">
        <v>21946.511250000003</v>
      </c>
      <c r="L197" s="31">
        <v>21946.511250000003</v>
      </c>
      <c r="M197" s="31">
        <v>21946.511250000003</v>
      </c>
      <c r="N197" s="31">
        <v>21946.511250000003</v>
      </c>
      <c r="O197" s="31">
        <v>21946.511250000003</v>
      </c>
      <c r="P197" s="31">
        <v>21946.511250000003</v>
      </c>
      <c r="Q197" s="31">
        <v>21946.511250000003</v>
      </c>
      <c r="R197" s="31">
        <v>21946.511250000003</v>
      </c>
      <c r="S197" s="31">
        <v>21946.511250000003</v>
      </c>
      <c r="T197" s="31">
        <v>21946.511250000003</v>
      </c>
      <c r="U197" s="31">
        <v>21946.511250000003</v>
      </c>
      <c r="V197" s="31">
        <v>21946.511250000003</v>
      </c>
      <c r="W197" s="31">
        <v>21946.511250000003</v>
      </c>
    </row>
    <row r="198" spans="1:23">
      <c r="A198" s="21" t="s">
        <v>49</v>
      </c>
      <c r="B198" s="31">
        <v>610666.19999999995</v>
      </c>
      <c r="C198" s="22">
        <v>10</v>
      </c>
      <c r="D198" s="23">
        <v>0</v>
      </c>
      <c r="E198" s="31"/>
      <c r="F198" s="31">
        <v>25953.313499999997</v>
      </c>
      <c r="G198" s="31">
        <v>25953.313499999997</v>
      </c>
      <c r="H198" s="31">
        <v>25953.313499999997</v>
      </c>
      <c r="I198" s="31">
        <v>25953.313499999997</v>
      </c>
      <c r="J198" s="31">
        <v>25953.313499999997</v>
      </c>
      <c r="K198" s="31">
        <v>25953.313499999997</v>
      </c>
      <c r="L198" s="31">
        <v>25953.313499999997</v>
      </c>
      <c r="M198" s="31">
        <v>25953.313499999997</v>
      </c>
      <c r="N198" s="31">
        <v>25953.313499999997</v>
      </c>
      <c r="O198" s="31">
        <v>25953.313499999997</v>
      </c>
      <c r="P198" s="31">
        <v>25953.313499999997</v>
      </c>
      <c r="Q198" s="31">
        <v>25953.313499999997</v>
      </c>
      <c r="R198" s="31">
        <v>25953.313499999997</v>
      </c>
      <c r="S198" s="31">
        <v>25953.313499999997</v>
      </c>
      <c r="T198" s="31">
        <v>25953.313499999997</v>
      </c>
      <c r="U198" s="31">
        <v>25953.313499999997</v>
      </c>
      <c r="V198" s="31">
        <v>25953.313499999997</v>
      </c>
      <c r="W198" s="31">
        <v>25953.313499999997</v>
      </c>
    </row>
    <row r="199" spans="1:23">
      <c r="A199" s="21" t="s">
        <v>50</v>
      </c>
      <c r="B199" s="31">
        <v>917854.6</v>
      </c>
      <c r="C199" s="22">
        <v>10</v>
      </c>
      <c r="D199" s="23">
        <v>0</v>
      </c>
      <c r="E199" s="31"/>
      <c r="F199" s="31">
        <v>39008.820500000002</v>
      </c>
      <c r="G199" s="31">
        <v>39008.820500000002</v>
      </c>
      <c r="H199" s="31">
        <v>39008.820500000002</v>
      </c>
      <c r="I199" s="31">
        <v>39008.820500000002</v>
      </c>
      <c r="J199" s="31">
        <v>39008.820500000002</v>
      </c>
      <c r="K199" s="31">
        <v>39008.820500000002</v>
      </c>
      <c r="L199" s="31">
        <v>39008.820500000002</v>
      </c>
      <c r="M199" s="31">
        <v>39008.820500000002</v>
      </c>
      <c r="N199" s="31">
        <v>39008.820500000002</v>
      </c>
      <c r="O199" s="31">
        <v>39008.820500000002</v>
      </c>
      <c r="P199" s="31">
        <v>39008.820500000002</v>
      </c>
      <c r="Q199" s="31">
        <v>39008.820500000002</v>
      </c>
      <c r="R199" s="31">
        <v>39008.820500000002</v>
      </c>
      <c r="S199" s="31">
        <v>39008.820500000002</v>
      </c>
      <c r="T199" s="31">
        <v>39008.820500000002</v>
      </c>
      <c r="U199" s="31">
        <v>39008.820500000002</v>
      </c>
      <c r="V199" s="31">
        <v>39008.820500000002</v>
      </c>
      <c r="W199" s="31">
        <v>39008.820500000002</v>
      </c>
    </row>
    <row r="200" spans="1:23">
      <c r="A200" s="21" t="s">
        <v>51</v>
      </c>
      <c r="B200" s="31">
        <v>943141.58</v>
      </c>
      <c r="C200" s="32" t="s">
        <v>52</v>
      </c>
      <c r="D200" s="23">
        <v>0</v>
      </c>
      <c r="E200" s="31"/>
      <c r="F200" s="31">
        <v>0</v>
      </c>
      <c r="G200" s="31">
        <v>0</v>
      </c>
      <c r="H200" s="31">
        <v>0</v>
      </c>
      <c r="I200" s="31">
        <v>0</v>
      </c>
      <c r="J200" s="31">
        <v>0</v>
      </c>
      <c r="K200" s="31">
        <v>40083.51715</v>
      </c>
      <c r="L200" s="31">
        <v>40083.51715</v>
      </c>
      <c r="M200" s="31">
        <v>40083.51715</v>
      </c>
      <c r="N200" s="31">
        <v>40083.51715</v>
      </c>
      <c r="O200" s="31">
        <v>240501.10290000003</v>
      </c>
      <c r="P200" s="31">
        <v>0</v>
      </c>
      <c r="Q200" s="31">
        <v>0</v>
      </c>
      <c r="R200" s="31">
        <v>0</v>
      </c>
      <c r="S200" s="31">
        <v>0</v>
      </c>
      <c r="T200" s="31">
        <v>0</v>
      </c>
      <c r="U200" s="31">
        <v>40083.51715</v>
      </c>
      <c r="V200" s="31">
        <v>40083.51715</v>
      </c>
      <c r="W200" s="31">
        <v>40083.51715</v>
      </c>
    </row>
    <row r="201" spans="1:23">
      <c r="A201" s="21" t="s">
        <v>53</v>
      </c>
      <c r="B201" s="31">
        <v>978255.89</v>
      </c>
      <c r="C201" s="32" t="s">
        <v>52</v>
      </c>
      <c r="D201" s="23">
        <v>0</v>
      </c>
      <c r="E201" s="31"/>
      <c r="F201" s="31">
        <v>0</v>
      </c>
      <c r="G201" s="31">
        <v>0</v>
      </c>
      <c r="H201" s="31">
        <v>0</v>
      </c>
      <c r="I201" s="31">
        <v>0</v>
      </c>
      <c r="J201" s="31">
        <v>0</v>
      </c>
      <c r="K201" s="31">
        <v>41575.875325000001</v>
      </c>
      <c r="L201" s="31">
        <v>41575.875325000001</v>
      </c>
      <c r="M201" s="31">
        <v>41575.875325000001</v>
      </c>
      <c r="N201" s="31">
        <v>41575.875325000001</v>
      </c>
      <c r="O201" s="31">
        <v>249455.25195000003</v>
      </c>
      <c r="P201" s="31">
        <v>0</v>
      </c>
      <c r="Q201" s="31">
        <v>0</v>
      </c>
      <c r="R201" s="31">
        <v>0</v>
      </c>
      <c r="S201" s="31">
        <v>0</v>
      </c>
      <c r="T201" s="31">
        <v>0</v>
      </c>
      <c r="U201" s="31">
        <v>41575.875325000001</v>
      </c>
      <c r="V201" s="31">
        <v>41575.875325000001</v>
      </c>
      <c r="W201" s="31">
        <v>41575.875325000001</v>
      </c>
    </row>
    <row r="202" spans="1:23">
      <c r="A202" s="25" t="s">
        <v>54</v>
      </c>
      <c r="B202" s="33">
        <v>1172767.73</v>
      </c>
      <c r="C202" s="12">
        <v>10</v>
      </c>
      <c r="D202" s="34">
        <v>0</v>
      </c>
      <c r="E202" s="33"/>
      <c r="F202" s="33">
        <v>49842.628525</v>
      </c>
      <c r="G202" s="33">
        <v>49842.628525</v>
      </c>
      <c r="H202" s="33">
        <v>49842.628525</v>
      </c>
      <c r="I202" s="33">
        <v>49842.628525</v>
      </c>
      <c r="J202" s="33">
        <v>49842.628525</v>
      </c>
      <c r="K202" s="33">
        <v>49842.628525</v>
      </c>
      <c r="L202" s="33">
        <v>49842.628525</v>
      </c>
      <c r="M202" s="33">
        <v>49842.628525</v>
      </c>
      <c r="N202" s="33">
        <v>49842.628525</v>
      </c>
      <c r="O202" s="33">
        <v>49842.628525</v>
      </c>
      <c r="P202" s="33">
        <v>49842.628525</v>
      </c>
      <c r="Q202" s="33">
        <v>49842.628525</v>
      </c>
      <c r="R202" s="33">
        <v>49842.628525</v>
      </c>
      <c r="S202" s="33">
        <v>49842.628525</v>
      </c>
      <c r="T202" s="33">
        <v>49842.628525</v>
      </c>
      <c r="U202" s="33">
        <v>49842.628525</v>
      </c>
      <c r="V202" s="33">
        <v>49842.628525</v>
      </c>
      <c r="W202" s="33">
        <v>49842.628525</v>
      </c>
    </row>
    <row r="203" spans="1:23">
      <c r="A203" s="22"/>
      <c r="B203" s="31"/>
      <c r="C203" s="22"/>
      <c r="D203" s="23"/>
      <c r="E203" s="31"/>
      <c r="F203" s="31"/>
      <c r="G203" s="31"/>
      <c r="H203" s="31"/>
      <c r="I203" s="31"/>
      <c r="J203" s="31"/>
      <c r="K203" s="31"/>
      <c r="L203" s="31"/>
      <c r="M203" s="31"/>
      <c r="N203" s="31"/>
      <c r="O203" s="31"/>
      <c r="P203" s="31"/>
      <c r="Q203" s="31"/>
      <c r="R203" s="31"/>
      <c r="S203" s="31"/>
      <c r="T203" s="31"/>
      <c r="U203" s="31"/>
      <c r="V203" s="31"/>
      <c r="W203" s="31"/>
    </row>
    <row r="204" spans="1:23">
      <c r="A204" s="22"/>
      <c r="B204" s="31"/>
      <c r="C204" s="22"/>
      <c r="D204" s="23"/>
      <c r="E204" s="31"/>
      <c r="F204" s="31"/>
      <c r="G204" s="31"/>
      <c r="H204" s="31"/>
      <c r="I204" s="31"/>
      <c r="J204" s="31"/>
      <c r="K204" s="31"/>
      <c r="L204" s="31"/>
      <c r="M204" s="31"/>
      <c r="N204" s="31"/>
      <c r="O204" s="31"/>
      <c r="P204" s="31"/>
      <c r="Q204" s="31"/>
      <c r="R204" s="31"/>
      <c r="S204" s="31"/>
      <c r="T204" s="31"/>
      <c r="U204" s="31"/>
      <c r="V204" s="31"/>
      <c r="W204" s="31"/>
    </row>
    <row r="205" spans="1:23">
      <c r="A205" s="22"/>
      <c r="B205" s="31"/>
      <c r="C205" s="22"/>
      <c r="D205" s="23"/>
      <c r="E205" s="31"/>
      <c r="F205" s="31"/>
      <c r="G205" s="31"/>
      <c r="H205" s="31"/>
      <c r="I205" s="31"/>
      <c r="J205" s="31"/>
      <c r="K205" s="31"/>
      <c r="L205" s="31"/>
      <c r="M205" s="31"/>
      <c r="N205" s="31"/>
      <c r="O205" s="31"/>
      <c r="P205" s="31"/>
      <c r="Q205" s="31"/>
      <c r="R205" s="31"/>
      <c r="S205" s="31"/>
      <c r="T205" s="31"/>
      <c r="U205" s="31"/>
      <c r="V205" s="31"/>
      <c r="W205" s="31"/>
    </row>
    <row r="206" spans="1:23">
      <c r="A206" s="22"/>
      <c r="B206" s="31"/>
      <c r="C206" s="22"/>
      <c r="D206" s="23"/>
      <c r="E206" s="31"/>
      <c r="F206" s="31"/>
      <c r="G206" s="31"/>
      <c r="H206" s="31"/>
      <c r="I206" s="31"/>
      <c r="J206" s="31"/>
      <c r="K206" s="31"/>
      <c r="L206" s="31"/>
      <c r="M206" s="31"/>
      <c r="N206" s="31"/>
      <c r="O206" s="31"/>
      <c r="P206" s="31"/>
      <c r="Q206" s="31"/>
      <c r="R206" s="31"/>
      <c r="S206" s="31"/>
      <c r="T206" s="31"/>
      <c r="U206" s="31"/>
      <c r="V206" s="31"/>
      <c r="W206" s="31"/>
    </row>
    <row r="207" spans="1:23">
      <c r="A207" s="22"/>
      <c r="B207" s="31"/>
      <c r="C207" s="22"/>
      <c r="D207" s="23"/>
      <c r="E207" s="31"/>
      <c r="F207" s="31"/>
      <c r="G207" s="31"/>
      <c r="H207" s="31"/>
      <c r="I207" s="31"/>
      <c r="J207" s="31"/>
      <c r="K207" s="31"/>
      <c r="L207" s="31"/>
      <c r="M207" s="31"/>
      <c r="N207" s="31"/>
      <c r="O207" s="31"/>
      <c r="P207" s="31"/>
      <c r="Q207" s="31"/>
      <c r="R207" s="31"/>
      <c r="S207" s="31"/>
      <c r="T207" s="31"/>
      <c r="U207" s="31"/>
      <c r="V207" s="31"/>
      <c r="W207" s="31"/>
    </row>
    <row r="208" spans="1:23">
      <c r="A208" s="22"/>
      <c r="B208" s="31"/>
      <c r="C208" s="22"/>
      <c r="D208" s="23"/>
      <c r="E208" s="31"/>
      <c r="F208" s="31"/>
      <c r="G208" s="31"/>
      <c r="H208" s="31"/>
      <c r="I208" s="31"/>
      <c r="J208" s="31"/>
      <c r="K208" s="31"/>
      <c r="L208" s="31"/>
      <c r="M208" s="31"/>
      <c r="N208" s="31"/>
      <c r="O208" s="31"/>
      <c r="P208" s="31"/>
      <c r="Q208" s="31"/>
      <c r="R208" s="31"/>
      <c r="S208" s="31"/>
      <c r="T208" s="31"/>
      <c r="U208" s="31"/>
      <c r="V208" s="31"/>
      <c r="W208" s="31"/>
    </row>
    <row r="209" spans="1:23">
      <c r="A209" s="22"/>
      <c r="B209" s="31"/>
      <c r="C209" s="22"/>
      <c r="D209" s="23"/>
      <c r="E209" s="31"/>
      <c r="F209" s="31"/>
      <c r="G209" s="31"/>
      <c r="H209" s="31"/>
      <c r="I209" s="31"/>
      <c r="J209" s="31"/>
      <c r="K209" s="31"/>
      <c r="L209" s="31"/>
      <c r="M209" s="31"/>
      <c r="N209" s="31"/>
      <c r="O209" s="31"/>
      <c r="P209" s="31"/>
      <c r="Q209" s="31"/>
      <c r="R209" s="31"/>
      <c r="S209" s="31"/>
      <c r="T209" s="31"/>
      <c r="U209" s="31"/>
      <c r="V209" s="31"/>
      <c r="W209" s="31"/>
    </row>
    <row r="210" spans="1:23">
      <c r="A210" s="22"/>
      <c r="B210" s="31"/>
      <c r="C210" s="22"/>
      <c r="D210" s="23"/>
      <c r="E210" s="31"/>
      <c r="F210" s="31"/>
      <c r="G210" s="31"/>
      <c r="H210" s="31"/>
      <c r="I210" s="31"/>
      <c r="J210" s="31"/>
      <c r="K210" s="31"/>
      <c r="L210" s="31"/>
      <c r="M210" s="31"/>
      <c r="N210" s="31"/>
      <c r="O210" s="31"/>
      <c r="P210" s="31"/>
      <c r="Q210" s="31"/>
      <c r="R210" s="31"/>
      <c r="S210" s="31"/>
      <c r="T210" s="31"/>
      <c r="U210" s="31"/>
      <c r="V210" s="31"/>
      <c r="W210" s="31"/>
    </row>
    <row r="211" spans="1:23">
      <c r="A211" s="22"/>
      <c r="B211" s="31"/>
      <c r="C211" s="22"/>
      <c r="D211" s="23"/>
      <c r="E211" s="31"/>
      <c r="F211" s="31"/>
      <c r="G211" s="31"/>
      <c r="H211" s="31"/>
      <c r="I211" s="31"/>
      <c r="J211" s="31"/>
      <c r="K211" s="31"/>
      <c r="L211" s="31"/>
      <c r="M211" s="31"/>
      <c r="N211" s="31"/>
      <c r="O211" s="31"/>
      <c r="P211" s="31"/>
      <c r="Q211" s="31"/>
      <c r="R211" s="31"/>
      <c r="S211" s="31"/>
      <c r="T211" s="31"/>
      <c r="U211" s="31"/>
      <c r="V211" s="31"/>
      <c r="W211" s="31"/>
    </row>
    <row r="212" spans="1:23">
      <c r="A212" s="22"/>
      <c r="B212" s="31"/>
      <c r="C212" s="22"/>
      <c r="D212" s="23"/>
      <c r="E212" s="31"/>
      <c r="F212" s="31"/>
      <c r="G212" s="31"/>
      <c r="H212" s="31"/>
      <c r="I212" s="31"/>
      <c r="J212" s="31"/>
      <c r="K212" s="31"/>
      <c r="L212" s="31"/>
      <c r="M212" s="31"/>
      <c r="N212" s="31"/>
      <c r="O212" s="31"/>
      <c r="P212" s="31"/>
      <c r="Q212" s="31"/>
      <c r="R212" s="31"/>
      <c r="S212" s="31"/>
      <c r="T212" s="31"/>
      <c r="U212" s="31"/>
      <c r="V212" s="31"/>
      <c r="W212" s="31"/>
    </row>
    <row r="213" spans="1:23">
      <c r="A213" s="22"/>
      <c r="B213" s="31"/>
      <c r="C213" s="22"/>
      <c r="D213" s="23"/>
      <c r="E213" s="31"/>
      <c r="F213" s="31"/>
      <c r="G213" s="31"/>
      <c r="H213" s="31"/>
      <c r="I213" s="31"/>
      <c r="J213" s="31"/>
      <c r="K213" s="31"/>
      <c r="L213" s="31"/>
      <c r="M213" s="31"/>
      <c r="N213" s="31"/>
      <c r="O213" s="31"/>
      <c r="P213" s="31"/>
      <c r="Q213" s="31"/>
      <c r="R213" s="31"/>
      <c r="S213" s="31"/>
      <c r="T213" s="31"/>
      <c r="U213" s="31"/>
      <c r="V213" s="31"/>
      <c r="W213" s="31"/>
    </row>
    <row r="214" spans="1:23">
      <c r="A214" s="22"/>
      <c r="B214" s="31"/>
      <c r="C214" s="22"/>
      <c r="D214" s="23"/>
      <c r="E214" s="31"/>
      <c r="F214" s="31"/>
      <c r="G214" s="31"/>
      <c r="H214" s="31"/>
      <c r="I214" s="31"/>
      <c r="J214" s="31"/>
      <c r="K214" s="31"/>
      <c r="L214" s="31"/>
      <c r="M214" s="31"/>
      <c r="N214" s="31"/>
      <c r="O214" s="31"/>
      <c r="P214" s="31"/>
      <c r="Q214" s="31"/>
      <c r="R214" s="31"/>
      <c r="S214" s="31"/>
      <c r="T214" s="31"/>
      <c r="U214" s="31"/>
      <c r="V214" s="31"/>
      <c r="W214" s="31"/>
    </row>
    <row r="215" spans="1:23">
      <c r="A215" s="22"/>
      <c r="B215" s="31"/>
      <c r="C215" s="22"/>
      <c r="D215" s="23"/>
      <c r="E215" s="31"/>
      <c r="F215" s="31"/>
      <c r="G215" s="31"/>
      <c r="H215" s="31"/>
      <c r="I215" s="31"/>
      <c r="J215" s="31"/>
      <c r="K215" s="31"/>
      <c r="L215" s="31"/>
      <c r="M215" s="31"/>
      <c r="N215" s="31"/>
      <c r="O215" s="31"/>
      <c r="P215" s="31"/>
      <c r="Q215" s="31"/>
      <c r="R215" s="31"/>
      <c r="S215" s="31"/>
      <c r="T215" s="31"/>
      <c r="U215" s="31"/>
      <c r="V215" s="31"/>
      <c r="W215" s="31"/>
    </row>
    <row r="216" spans="1:23">
      <c r="A216" s="22"/>
      <c r="B216" s="31"/>
      <c r="C216" s="22"/>
      <c r="D216" s="23"/>
      <c r="E216" s="31"/>
      <c r="F216" s="31"/>
      <c r="G216" s="31"/>
      <c r="H216" s="31"/>
      <c r="I216" s="31"/>
      <c r="J216" s="31"/>
      <c r="K216" s="31"/>
      <c r="L216" s="31"/>
      <c r="M216" s="31"/>
      <c r="N216" s="31"/>
      <c r="O216" s="31"/>
      <c r="P216" s="31"/>
      <c r="Q216" s="31"/>
      <c r="R216" s="31"/>
      <c r="S216" s="31"/>
      <c r="T216" s="31"/>
      <c r="U216" s="31"/>
      <c r="V216" s="31"/>
      <c r="W216" s="31"/>
    </row>
    <row r="217" spans="1:23">
      <c r="A217" s="22"/>
      <c r="B217" s="31"/>
      <c r="C217" s="22"/>
      <c r="D217" s="23"/>
      <c r="E217" s="31"/>
      <c r="F217" s="31"/>
      <c r="G217" s="31"/>
      <c r="H217" s="31"/>
      <c r="I217" s="31"/>
      <c r="J217" s="31"/>
      <c r="K217" s="31"/>
      <c r="L217" s="31"/>
      <c r="M217" s="31"/>
      <c r="N217" s="31"/>
      <c r="O217" s="31"/>
      <c r="P217" s="31"/>
      <c r="Q217" s="31"/>
      <c r="R217" s="31"/>
      <c r="S217" s="31"/>
      <c r="T217" s="31"/>
      <c r="U217" s="31"/>
      <c r="V217" s="31"/>
      <c r="W217" s="31"/>
    </row>
    <row r="218" spans="1:23">
      <c r="A218" s="22"/>
      <c r="B218" s="31"/>
      <c r="C218" s="22"/>
      <c r="D218" s="23"/>
      <c r="E218" s="31"/>
      <c r="F218" s="31"/>
      <c r="G218" s="31"/>
      <c r="H218" s="31"/>
      <c r="I218" s="31"/>
      <c r="J218" s="31"/>
      <c r="K218" s="31"/>
      <c r="L218" s="31"/>
      <c r="M218" s="31"/>
      <c r="N218" s="31"/>
      <c r="O218" s="31"/>
      <c r="P218" s="31"/>
      <c r="Q218" s="31"/>
      <c r="R218" s="31"/>
      <c r="S218" s="31"/>
      <c r="T218" s="31"/>
      <c r="U218" s="31"/>
      <c r="V218" s="31"/>
      <c r="W218" s="31"/>
    </row>
    <row r="219" spans="1:23">
      <c r="A219" s="22"/>
      <c r="B219" s="31"/>
      <c r="C219" s="22"/>
      <c r="D219" s="23"/>
      <c r="E219" s="31"/>
      <c r="F219" s="31"/>
      <c r="G219" s="31"/>
      <c r="H219" s="31"/>
      <c r="I219" s="31"/>
      <c r="J219" s="31"/>
      <c r="K219" s="31"/>
      <c r="L219" s="31"/>
      <c r="M219" s="31"/>
      <c r="N219" s="31"/>
      <c r="O219" s="31"/>
      <c r="P219" s="31"/>
      <c r="Q219" s="31"/>
      <c r="R219" s="31"/>
      <c r="S219" s="31"/>
      <c r="T219" s="31"/>
      <c r="U219" s="31"/>
      <c r="V219" s="31"/>
      <c r="W219" s="31"/>
    </row>
    <row r="220" spans="1:23">
      <c r="A220" s="22"/>
      <c r="B220" s="31"/>
      <c r="C220" s="22"/>
      <c r="D220" s="23"/>
      <c r="E220" s="31"/>
      <c r="F220" s="31"/>
      <c r="G220" s="31"/>
      <c r="H220" s="31"/>
      <c r="I220" s="31"/>
      <c r="J220" s="31"/>
      <c r="K220" s="31"/>
      <c r="L220" s="31"/>
      <c r="M220" s="31"/>
      <c r="N220" s="31"/>
      <c r="O220" s="31"/>
      <c r="P220" s="31"/>
      <c r="Q220" s="31"/>
      <c r="R220" s="31"/>
      <c r="S220" s="31"/>
      <c r="T220" s="31"/>
      <c r="U220" s="31"/>
      <c r="V220" s="31"/>
      <c r="W220" s="31"/>
    </row>
    <row r="221" spans="1:23">
      <c r="A221" s="22"/>
      <c r="B221" s="31"/>
      <c r="C221" s="22"/>
      <c r="D221" s="23"/>
      <c r="E221" s="31"/>
      <c r="F221" s="31"/>
      <c r="G221" s="31"/>
      <c r="H221" s="31"/>
      <c r="I221" s="31"/>
      <c r="J221" s="31"/>
      <c r="K221" s="31"/>
      <c r="L221" s="31"/>
      <c r="M221" s="31"/>
      <c r="N221" s="31"/>
      <c r="O221" s="31"/>
      <c r="P221" s="31"/>
      <c r="Q221" s="31"/>
      <c r="R221" s="31"/>
      <c r="S221" s="31"/>
      <c r="T221" s="31"/>
      <c r="U221" s="31"/>
      <c r="V221" s="31"/>
      <c r="W221" s="31"/>
    </row>
    <row r="222" spans="1:23">
      <c r="A222" s="22"/>
      <c r="B222" s="31"/>
      <c r="C222" s="22"/>
      <c r="D222" s="23"/>
      <c r="E222" s="31"/>
      <c r="F222" s="31"/>
      <c r="G222" s="31"/>
      <c r="H222" s="31"/>
      <c r="I222" s="31"/>
      <c r="J222" s="31"/>
      <c r="K222" s="31"/>
      <c r="L222" s="31"/>
      <c r="M222" s="31"/>
      <c r="N222" s="31"/>
      <c r="O222" s="31"/>
      <c r="P222" s="31"/>
      <c r="Q222" s="31"/>
      <c r="R222" s="31"/>
      <c r="S222" s="31"/>
      <c r="T222" s="31"/>
      <c r="U222" s="31"/>
      <c r="V222" s="31"/>
      <c r="W222" s="31"/>
    </row>
    <row r="223" spans="1:23">
      <c r="A223" s="22"/>
      <c r="B223" s="31"/>
      <c r="C223" s="22"/>
      <c r="D223" s="23"/>
      <c r="E223" s="31"/>
      <c r="F223" s="31"/>
      <c r="G223" s="31"/>
      <c r="H223" s="31"/>
      <c r="I223" s="31"/>
      <c r="J223" s="31"/>
      <c r="K223" s="31"/>
      <c r="L223" s="31"/>
      <c r="M223" s="31"/>
      <c r="N223" s="31"/>
      <c r="O223" s="31"/>
      <c r="P223" s="31"/>
      <c r="Q223" s="31"/>
      <c r="R223" s="31"/>
      <c r="S223" s="31"/>
      <c r="T223" s="31"/>
      <c r="U223" s="31"/>
      <c r="V223" s="31"/>
      <c r="W223" s="31"/>
    </row>
    <row r="224" spans="1:23">
      <c r="A224" s="22"/>
      <c r="B224" s="31"/>
      <c r="C224" s="22"/>
      <c r="D224" s="23"/>
      <c r="E224" s="31"/>
      <c r="F224" s="31"/>
      <c r="G224" s="31"/>
      <c r="H224" s="31"/>
      <c r="I224" s="31"/>
      <c r="J224" s="31"/>
      <c r="K224" s="31"/>
      <c r="L224" s="31"/>
      <c r="M224" s="31"/>
      <c r="N224" s="31"/>
      <c r="O224" s="31"/>
      <c r="P224" s="31"/>
      <c r="Q224" s="31"/>
      <c r="R224" s="31"/>
      <c r="S224" s="31"/>
      <c r="T224" s="31"/>
      <c r="U224" s="31"/>
      <c r="V224" s="31"/>
      <c r="W224" s="31"/>
    </row>
    <row r="225" spans="1:23">
      <c r="A225" s="22"/>
      <c r="B225" s="31"/>
      <c r="C225" s="22"/>
      <c r="D225" s="23"/>
      <c r="E225" s="31"/>
      <c r="F225" s="31"/>
      <c r="G225" s="31"/>
      <c r="H225" s="31"/>
      <c r="I225" s="31"/>
      <c r="J225" s="31"/>
      <c r="K225" s="31"/>
      <c r="L225" s="31"/>
      <c r="M225" s="31"/>
      <c r="N225" s="31"/>
      <c r="O225" s="31"/>
      <c r="P225" s="31"/>
      <c r="Q225" s="31"/>
      <c r="R225" s="31"/>
      <c r="S225" s="31"/>
      <c r="T225" s="31"/>
      <c r="U225" s="31"/>
      <c r="V225" s="31"/>
      <c r="W225" s="31"/>
    </row>
    <row r="226" spans="1:23">
      <c r="A226" s="22"/>
      <c r="B226" s="31"/>
      <c r="C226" s="22"/>
      <c r="D226" s="23"/>
      <c r="E226" s="31"/>
      <c r="F226" s="31"/>
      <c r="G226" s="31"/>
      <c r="H226" s="31"/>
      <c r="I226" s="31"/>
      <c r="J226" s="31"/>
      <c r="K226" s="31"/>
      <c r="L226" s="31"/>
      <c r="M226" s="31"/>
      <c r="N226" s="31"/>
      <c r="O226" s="31"/>
      <c r="P226" s="31"/>
      <c r="Q226" s="31"/>
      <c r="R226" s="31"/>
      <c r="S226" s="31"/>
      <c r="T226" s="31"/>
      <c r="U226" s="31"/>
      <c r="V226" s="31"/>
      <c r="W226" s="31"/>
    </row>
    <row r="227" spans="1:23">
      <c r="A227" s="22"/>
      <c r="B227" s="31"/>
      <c r="C227" s="22"/>
      <c r="D227" s="23"/>
      <c r="E227" s="31"/>
      <c r="F227" s="31"/>
      <c r="G227" s="31"/>
      <c r="H227" s="31"/>
      <c r="I227" s="31"/>
      <c r="J227" s="31"/>
      <c r="K227" s="31"/>
      <c r="L227" s="31"/>
      <c r="M227" s="31"/>
      <c r="N227" s="31"/>
      <c r="O227" s="31"/>
      <c r="P227" s="31"/>
      <c r="Q227" s="31"/>
      <c r="R227" s="31"/>
      <c r="S227" s="31"/>
      <c r="T227" s="31"/>
      <c r="U227" s="31"/>
      <c r="V227" s="31"/>
      <c r="W227" s="31"/>
    </row>
    <row r="228" spans="1:23">
      <c r="A228" s="22"/>
      <c r="B228" s="31"/>
      <c r="C228" s="22"/>
      <c r="D228" s="23"/>
      <c r="E228" s="31"/>
      <c r="F228" s="31"/>
      <c r="G228" s="31"/>
      <c r="H228" s="31"/>
      <c r="I228" s="31"/>
      <c r="J228" s="31"/>
      <c r="K228" s="31"/>
      <c r="L228" s="31"/>
      <c r="M228" s="31"/>
      <c r="N228" s="31"/>
      <c r="O228" s="31"/>
      <c r="P228" s="31"/>
      <c r="Q228" s="31"/>
      <c r="R228" s="31"/>
      <c r="S228" s="31"/>
      <c r="T228" s="31"/>
      <c r="U228" s="31"/>
      <c r="V228" s="31"/>
      <c r="W228" s="31"/>
    </row>
    <row r="229" spans="1:23">
      <c r="A229" s="22"/>
      <c r="B229" s="31"/>
      <c r="C229" s="22"/>
      <c r="D229" s="23"/>
      <c r="E229" s="31"/>
      <c r="F229" s="31"/>
      <c r="G229" s="31"/>
      <c r="H229" s="31"/>
      <c r="I229" s="31"/>
      <c r="J229" s="31"/>
      <c r="K229" s="31"/>
      <c r="L229" s="31"/>
      <c r="M229" s="31"/>
      <c r="N229" s="31"/>
      <c r="O229" s="31"/>
      <c r="P229" s="31"/>
      <c r="Q229" s="31"/>
      <c r="R229" s="31"/>
      <c r="S229" s="31"/>
      <c r="T229" s="31"/>
      <c r="U229" s="31"/>
      <c r="V229" s="31"/>
      <c r="W229" s="31"/>
    </row>
    <row r="230" spans="1:23">
      <c r="A230" s="22"/>
      <c r="B230" s="31"/>
      <c r="C230" s="22"/>
      <c r="D230" s="23"/>
      <c r="E230" s="31"/>
      <c r="F230" s="31"/>
      <c r="G230" s="31"/>
      <c r="H230" s="31"/>
      <c r="I230" s="31"/>
      <c r="J230" s="31"/>
      <c r="K230" s="31"/>
      <c r="L230" s="31"/>
      <c r="M230" s="31"/>
      <c r="N230" s="31"/>
      <c r="O230" s="31"/>
      <c r="P230" s="31"/>
      <c r="Q230" s="31"/>
      <c r="R230" s="31"/>
      <c r="S230" s="31"/>
      <c r="T230" s="31"/>
      <c r="U230" s="31"/>
      <c r="V230" s="31"/>
      <c r="W230" s="31"/>
    </row>
    <row r="231" spans="1:23">
      <c r="A231" s="22"/>
      <c r="B231" s="31"/>
      <c r="C231" s="22"/>
      <c r="D231" s="23"/>
      <c r="E231" s="31"/>
      <c r="F231" s="31"/>
      <c r="G231" s="31"/>
      <c r="H231" s="31"/>
      <c r="I231" s="31"/>
      <c r="J231" s="31"/>
      <c r="K231" s="31"/>
      <c r="L231" s="31"/>
      <c r="M231" s="31"/>
      <c r="N231" s="31"/>
      <c r="O231" s="31"/>
      <c r="P231" s="31"/>
      <c r="Q231" s="31"/>
      <c r="R231" s="31"/>
      <c r="S231" s="31"/>
      <c r="T231" s="31"/>
      <c r="U231" s="31"/>
      <c r="V231" s="31"/>
      <c r="W231" s="31"/>
    </row>
    <row r="232" spans="1:23">
      <c r="A232" s="22"/>
      <c r="B232" s="31"/>
      <c r="C232" s="22"/>
      <c r="D232" s="23"/>
      <c r="E232" s="31"/>
      <c r="F232" s="31"/>
      <c r="G232" s="31"/>
      <c r="H232" s="31"/>
      <c r="I232" s="31"/>
      <c r="J232" s="31"/>
      <c r="K232" s="31"/>
      <c r="L232" s="31"/>
      <c r="M232" s="31"/>
      <c r="N232" s="31"/>
      <c r="O232" s="31"/>
      <c r="P232" s="31"/>
      <c r="Q232" s="31"/>
      <c r="R232" s="31"/>
      <c r="S232" s="31"/>
      <c r="T232" s="31"/>
      <c r="U232" s="31"/>
      <c r="V232" s="31"/>
      <c r="W232" s="31"/>
    </row>
    <row r="233" spans="1:23">
      <c r="A233" s="22"/>
      <c r="B233" s="31"/>
      <c r="C233" s="22"/>
      <c r="D233" s="23"/>
      <c r="E233" s="31"/>
      <c r="F233" s="31"/>
      <c r="G233" s="31"/>
      <c r="H233" s="31"/>
      <c r="I233" s="31"/>
      <c r="J233" s="31"/>
      <c r="K233" s="31"/>
      <c r="L233" s="31"/>
      <c r="M233" s="31"/>
      <c r="N233" s="31"/>
      <c r="O233" s="31"/>
      <c r="P233" s="31"/>
      <c r="Q233" s="31"/>
      <c r="R233" s="31"/>
      <c r="S233" s="31"/>
      <c r="T233" s="31"/>
      <c r="U233" s="31"/>
      <c r="V233" s="31"/>
      <c r="W233" s="31"/>
    </row>
    <row r="234" spans="1:23">
      <c r="A234" s="22"/>
      <c r="B234" s="31"/>
      <c r="C234" s="22"/>
      <c r="D234" s="23"/>
      <c r="E234" s="31"/>
      <c r="F234" s="31"/>
      <c r="G234" s="31"/>
      <c r="H234" s="31"/>
      <c r="I234" s="31"/>
      <c r="J234" s="31"/>
      <c r="K234" s="31"/>
      <c r="L234" s="31"/>
      <c r="M234" s="31"/>
      <c r="N234" s="31"/>
      <c r="O234" s="31"/>
      <c r="P234" s="31"/>
      <c r="Q234" s="31"/>
      <c r="R234" s="31"/>
      <c r="S234" s="31"/>
      <c r="T234" s="31"/>
      <c r="U234" s="31"/>
      <c r="V234" s="31"/>
      <c r="W234" s="31"/>
    </row>
    <row r="235" spans="1:23">
      <c r="A235" s="22"/>
      <c r="B235" s="31"/>
      <c r="C235" s="22"/>
      <c r="D235" s="23"/>
      <c r="E235" s="31"/>
      <c r="F235" s="31"/>
      <c r="G235" s="31"/>
      <c r="H235" s="31"/>
      <c r="I235" s="31"/>
      <c r="J235" s="31"/>
      <c r="K235" s="31"/>
      <c r="L235" s="31"/>
      <c r="M235" s="31"/>
      <c r="N235" s="31"/>
      <c r="O235" s="31"/>
      <c r="P235" s="31"/>
      <c r="Q235" s="31"/>
      <c r="R235" s="31"/>
      <c r="S235" s="31"/>
      <c r="T235" s="31"/>
      <c r="U235" s="31"/>
      <c r="V235" s="31"/>
      <c r="W235" s="31"/>
    </row>
    <row r="236" spans="1:23">
      <c r="A236" s="22"/>
      <c r="B236" s="31"/>
      <c r="C236" s="22"/>
      <c r="D236" s="23"/>
      <c r="E236" s="31"/>
      <c r="F236" s="31"/>
      <c r="G236" s="31"/>
      <c r="H236" s="31"/>
      <c r="I236" s="31"/>
      <c r="J236" s="31"/>
      <c r="K236" s="31"/>
      <c r="L236" s="31"/>
      <c r="M236" s="31"/>
      <c r="N236" s="31"/>
      <c r="O236" s="31"/>
      <c r="P236" s="31"/>
      <c r="Q236" s="31"/>
      <c r="R236" s="31"/>
      <c r="S236" s="31"/>
      <c r="T236" s="31"/>
      <c r="U236" s="31"/>
      <c r="V236" s="31"/>
      <c r="W236" s="31"/>
    </row>
    <row r="237" spans="1:23">
      <c r="A237" s="22"/>
      <c r="B237" s="31"/>
      <c r="C237" s="22"/>
      <c r="D237" s="23"/>
      <c r="E237" s="31"/>
      <c r="F237" s="31"/>
      <c r="G237" s="31"/>
      <c r="H237" s="31"/>
      <c r="I237" s="31"/>
      <c r="J237" s="31"/>
      <c r="K237" s="31"/>
      <c r="L237" s="31"/>
      <c r="M237" s="31"/>
      <c r="N237" s="31"/>
      <c r="O237" s="31"/>
      <c r="P237" s="31"/>
      <c r="Q237" s="31"/>
      <c r="R237" s="31"/>
      <c r="S237" s="31"/>
      <c r="T237" s="31"/>
      <c r="U237" s="31"/>
      <c r="V237" s="31"/>
      <c r="W237" s="31"/>
    </row>
    <row r="238" spans="1:23">
      <c r="A238" s="22"/>
      <c r="B238" s="31"/>
      <c r="C238" s="22"/>
      <c r="D238" s="23"/>
      <c r="E238" s="31"/>
      <c r="F238" s="31"/>
      <c r="G238" s="31"/>
      <c r="H238" s="31"/>
      <c r="I238" s="31"/>
      <c r="J238" s="31"/>
      <c r="K238" s="31"/>
      <c r="L238" s="31"/>
      <c r="M238" s="31"/>
      <c r="N238" s="31"/>
      <c r="O238" s="31"/>
      <c r="P238" s="31"/>
      <c r="Q238" s="31"/>
      <c r="R238" s="31"/>
      <c r="S238" s="31"/>
      <c r="T238" s="31"/>
      <c r="U238" s="31"/>
      <c r="V238" s="31"/>
      <c r="W238" s="31"/>
    </row>
    <row r="239" spans="1:23">
      <c r="A239" s="22"/>
      <c r="B239" s="31"/>
      <c r="C239" s="22"/>
      <c r="D239" s="23"/>
      <c r="E239" s="31"/>
      <c r="F239" s="31"/>
      <c r="G239" s="31"/>
      <c r="H239" s="31"/>
      <c r="I239" s="31"/>
      <c r="J239" s="31"/>
      <c r="K239" s="31"/>
      <c r="L239" s="31"/>
      <c r="M239" s="31"/>
      <c r="N239" s="31"/>
      <c r="O239" s="31"/>
      <c r="P239" s="31"/>
      <c r="Q239" s="31"/>
      <c r="R239" s="31"/>
      <c r="S239" s="31"/>
      <c r="T239" s="31"/>
      <c r="U239" s="31"/>
      <c r="V239" s="31"/>
      <c r="W239" s="31"/>
    </row>
    <row r="240" spans="1:23">
      <c r="A240" s="22"/>
      <c r="B240" s="31"/>
      <c r="C240" s="22"/>
      <c r="D240" s="23"/>
      <c r="E240" s="31"/>
      <c r="F240" s="31"/>
      <c r="G240" s="31"/>
      <c r="H240" s="31"/>
      <c r="I240" s="31"/>
      <c r="J240" s="31"/>
      <c r="K240" s="31"/>
      <c r="L240" s="31"/>
      <c r="M240" s="31"/>
      <c r="N240" s="31"/>
      <c r="O240" s="31"/>
      <c r="P240" s="31"/>
      <c r="Q240" s="31"/>
      <c r="R240" s="31"/>
      <c r="S240" s="31"/>
      <c r="T240" s="31"/>
      <c r="U240" s="31"/>
      <c r="V240" s="31"/>
      <c r="W240" s="31"/>
    </row>
    <row r="241" spans="1:23">
      <c r="A241" s="22"/>
      <c r="B241" s="31"/>
      <c r="C241" s="22"/>
      <c r="D241" s="23"/>
      <c r="E241" s="31"/>
      <c r="F241" s="31"/>
      <c r="G241" s="31"/>
      <c r="H241" s="31"/>
      <c r="I241" s="31"/>
      <c r="J241" s="31"/>
      <c r="K241" s="31"/>
      <c r="L241" s="31"/>
      <c r="M241" s="31"/>
      <c r="N241" s="31"/>
      <c r="O241" s="31"/>
      <c r="P241" s="31"/>
      <c r="Q241" s="31"/>
      <c r="R241" s="31"/>
      <c r="S241" s="31"/>
      <c r="T241" s="31"/>
      <c r="U241" s="31"/>
      <c r="V241" s="31"/>
      <c r="W241" s="31"/>
    </row>
    <row r="242" spans="1:23">
      <c r="A242" s="22"/>
      <c r="B242" s="31"/>
      <c r="C242" s="22"/>
      <c r="D242" s="23"/>
      <c r="E242" s="31"/>
      <c r="F242" s="31"/>
      <c r="G242" s="31"/>
      <c r="H242" s="31"/>
      <c r="I242" s="31"/>
      <c r="J242" s="31"/>
      <c r="K242" s="31"/>
      <c r="L242" s="31"/>
      <c r="M242" s="31"/>
      <c r="N242" s="31"/>
      <c r="O242" s="31"/>
      <c r="P242" s="31"/>
      <c r="Q242" s="31"/>
      <c r="R242" s="31"/>
      <c r="S242" s="31"/>
      <c r="T242" s="31"/>
      <c r="U242" s="31"/>
      <c r="V242" s="31"/>
      <c r="W242" s="31"/>
    </row>
    <row r="243" spans="1:23">
      <c r="A243" s="22"/>
      <c r="B243" s="31"/>
      <c r="C243" s="22"/>
      <c r="D243" s="23"/>
      <c r="E243" s="31"/>
      <c r="F243" s="31"/>
      <c r="G243" s="31"/>
      <c r="H243" s="31"/>
      <c r="I243" s="31"/>
      <c r="J243" s="31"/>
      <c r="K243" s="31"/>
      <c r="L243" s="31"/>
      <c r="M243" s="31"/>
      <c r="N243" s="31"/>
      <c r="O243" s="31"/>
      <c r="P243" s="31"/>
      <c r="Q243" s="31"/>
      <c r="R243" s="31"/>
      <c r="S243" s="31"/>
      <c r="T243" s="31"/>
      <c r="U243" s="31"/>
      <c r="V243" s="31"/>
      <c r="W243" s="31"/>
    </row>
    <row r="244" spans="1:23">
      <c r="A244" s="22"/>
      <c r="B244" s="31"/>
      <c r="C244" s="22"/>
      <c r="D244" s="23"/>
      <c r="E244" s="31"/>
      <c r="F244" s="31"/>
      <c r="G244" s="31"/>
      <c r="H244" s="31"/>
      <c r="I244" s="31"/>
      <c r="J244" s="31"/>
      <c r="K244" s="31"/>
      <c r="L244" s="31"/>
      <c r="M244" s="31"/>
      <c r="N244" s="31"/>
      <c r="O244" s="31"/>
      <c r="P244" s="31"/>
      <c r="Q244" s="31"/>
      <c r="R244" s="31"/>
      <c r="S244" s="31"/>
      <c r="T244" s="31"/>
      <c r="U244" s="31"/>
      <c r="V244" s="31"/>
      <c r="W244" s="31"/>
    </row>
    <row r="245" spans="1:23">
      <c r="F245" s="37"/>
      <c r="G245" s="37"/>
      <c r="H245" s="37"/>
      <c r="I245" s="37"/>
      <c r="J245" s="37"/>
      <c r="K245" s="37"/>
      <c r="L245" s="37"/>
      <c r="M245" s="37"/>
      <c r="N245" s="37"/>
      <c r="O245" s="37"/>
      <c r="P245" s="37"/>
      <c r="Q245" s="37"/>
      <c r="R245" s="37"/>
      <c r="S245" s="37"/>
      <c r="T245" s="37"/>
      <c r="U245" s="37"/>
      <c r="V245" s="37"/>
      <c r="W245" s="37"/>
    </row>
    <row r="246" spans="1:23" ht="12.75">
      <c r="K246" s="103" t="s">
        <v>110</v>
      </c>
    </row>
  </sheetData>
  <pageMargins left="0.64570312500000004" right="0.17" top="0.24" bottom="0.16" header="0.17" footer="0.31496062992125984"/>
  <pageSetup paperSize="9" scale="57" orientation="landscape" r:id="rId1"/>
  <rowBreaks count="2" manualBreakCount="2">
    <brk id="81" max="22" man="1"/>
    <brk id="163" max="22" man="1"/>
  </rowBreaks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>
  <sheetPr codeName="Plan10"/>
  <dimension ref="A1:V97"/>
  <sheetViews>
    <sheetView tabSelected="1" view="pageBreakPreview" zoomScale="80" zoomScaleNormal="100" zoomScaleSheetLayoutView="80" zoomScalePageLayoutView="70" workbookViewId="0">
      <selection activeCell="L5" sqref="L5"/>
    </sheetView>
  </sheetViews>
  <sheetFormatPr defaultRowHeight="11.25"/>
  <cols>
    <col min="1" max="1" width="34.85546875" style="2" customWidth="1"/>
    <col min="2" max="2" width="11" style="2" bestFit="1" customWidth="1"/>
    <col min="3" max="3" width="14.140625" style="2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2.5" customHeight="1">
      <c r="A1" s="82" t="s">
        <v>124</v>
      </c>
    </row>
    <row r="4" spans="1:22" ht="18">
      <c r="A4" s="82" t="s">
        <v>143</v>
      </c>
    </row>
    <row r="5" spans="1:22" ht="15.75">
      <c r="A5" s="87" t="s">
        <v>46</v>
      </c>
    </row>
    <row r="6" spans="1:22" ht="15.75">
      <c r="A6" s="80" t="s">
        <v>101</v>
      </c>
    </row>
    <row r="7" spans="1:22" ht="12.75">
      <c r="A7" s="91" t="s">
        <v>55</v>
      </c>
      <c r="B7" s="92"/>
      <c r="C7" s="93">
        <v>7</v>
      </c>
    </row>
    <row r="8" spans="1:22" ht="12.75">
      <c r="A8" s="94" t="s">
        <v>57</v>
      </c>
      <c r="B8" s="95"/>
      <c r="C8" s="96">
        <v>14373.390312392488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8494.4987348593277</v>
      </c>
    </row>
    <row r="11" spans="1:22" ht="12.75">
      <c r="A11" s="91" t="s">
        <v>59</v>
      </c>
      <c r="B11" s="92"/>
      <c r="C11" s="99">
        <v>1760.9555809999999</v>
      </c>
    </row>
    <row r="12" spans="1:22" ht="12.75">
      <c r="A12" s="91" t="s">
        <v>60</v>
      </c>
      <c r="B12" s="92"/>
      <c r="C12" s="100">
        <v>6733.5431538593275</v>
      </c>
    </row>
    <row r="13" spans="1:22" ht="12.75">
      <c r="A13" s="91" t="s">
        <v>61</v>
      </c>
      <c r="B13" s="92"/>
      <c r="C13" s="99">
        <v>3564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27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1207364.7862409691</v>
      </c>
      <c r="D17" s="40">
        <v>1207364.7862409691</v>
      </c>
      <c r="E17" s="40">
        <v>1207364.7862409691</v>
      </c>
      <c r="F17" s="40">
        <v>1207364.7862409691</v>
      </c>
      <c r="G17" s="40">
        <v>1207364.7862409691</v>
      </c>
      <c r="H17" s="40">
        <v>1207364.7862409691</v>
      </c>
      <c r="I17" s="40">
        <v>1207364.7862409691</v>
      </c>
      <c r="J17" s="40">
        <v>1207364.7862409691</v>
      </c>
      <c r="K17" s="40">
        <v>1207364.7862409691</v>
      </c>
      <c r="L17" s="40">
        <v>1207364.7862409691</v>
      </c>
      <c r="M17" s="40">
        <v>1207364.7862409691</v>
      </c>
      <c r="N17" s="40">
        <v>1207364.7862409691</v>
      </c>
      <c r="O17" s="40">
        <v>1207364.7862409691</v>
      </c>
      <c r="P17" s="40">
        <v>1207364.7862409691</v>
      </c>
      <c r="Q17" s="40">
        <v>1207364.7862409691</v>
      </c>
      <c r="R17" s="40">
        <v>1207364.7862409691</v>
      </c>
      <c r="S17" s="40">
        <v>1207364.7862409691</v>
      </c>
      <c r="T17" s="40">
        <v>1207364.7862409691</v>
      </c>
      <c r="U17" s="40">
        <v>1207364.7862409691</v>
      </c>
      <c r="V17" s="40">
        <v>1207364.7862409691</v>
      </c>
    </row>
    <row r="18" spans="1:22">
      <c r="A18" s="43" t="s">
        <v>64</v>
      </c>
      <c r="B18" s="43"/>
      <c r="C18" s="44">
        <v>24147.295724819382</v>
      </c>
      <c r="D18" s="44">
        <v>24147.295724819382</v>
      </c>
      <c r="E18" s="44">
        <v>24147.295724819382</v>
      </c>
      <c r="F18" s="44">
        <v>24147.295724819382</v>
      </c>
      <c r="G18" s="44">
        <v>24147.295724819382</v>
      </c>
      <c r="H18" s="44">
        <v>24147.295724819382</v>
      </c>
      <c r="I18" s="44">
        <v>24147.295724819382</v>
      </c>
      <c r="J18" s="44">
        <v>24147.295724819382</v>
      </c>
      <c r="K18" s="44">
        <v>24147.295724819382</v>
      </c>
      <c r="L18" s="44">
        <v>24147.295724819382</v>
      </c>
      <c r="M18" s="44">
        <v>24147.295724819382</v>
      </c>
      <c r="N18" s="44">
        <v>24147.295724819382</v>
      </c>
      <c r="O18" s="44">
        <v>24147.295724819382</v>
      </c>
      <c r="P18" s="44">
        <v>24147.295724819382</v>
      </c>
      <c r="Q18" s="44">
        <v>24147.295724819382</v>
      </c>
      <c r="R18" s="44">
        <v>24147.295724819382</v>
      </c>
      <c r="S18" s="44">
        <v>24147.295724819382</v>
      </c>
      <c r="T18" s="44">
        <v>24147.295724819382</v>
      </c>
      <c r="U18" s="44">
        <v>24147.295724819382</v>
      </c>
      <c r="V18" s="44">
        <v>24147.295724819382</v>
      </c>
    </row>
    <row r="19" spans="1:22">
      <c r="A19" s="39" t="s">
        <v>65</v>
      </c>
      <c r="B19" s="39"/>
      <c r="C19" s="45">
        <v>1183217.4905161497</v>
      </c>
      <c r="D19" s="45">
        <v>1183217.4905161497</v>
      </c>
      <c r="E19" s="45">
        <v>1183217.4905161497</v>
      </c>
      <c r="F19" s="45">
        <v>1183217.4905161497</v>
      </c>
      <c r="G19" s="45">
        <v>1183217.4905161497</v>
      </c>
      <c r="H19" s="45">
        <v>1183217.4905161497</v>
      </c>
      <c r="I19" s="45">
        <v>1183217.4905161497</v>
      </c>
      <c r="J19" s="45">
        <v>1183217.4905161497</v>
      </c>
      <c r="K19" s="45">
        <v>1183217.4905161497</v>
      </c>
      <c r="L19" s="45">
        <v>1183217.4905161497</v>
      </c>
      <c r="M19" s="45">
        <v>1183217.4905161497</v>
      </c>
      <c r="N19" s="45">
        <v>1183217.4905161497</v>
      </c>
      <c r="O19" s="45">
        <v>1183217.4905161497</v>
      </c>
      <c r="P19" s="45">
        <v>1183217.4905161497</v>
      </c>
      <c r="Q19" s="45">
        <v>1183217.4905161497</v>
      </c>
      <c r="R19" s="45">
        <v>1183217.4905161497</v>
      </c>
      <c r="S19" s="45">
        <v>1183217.4905161497</v>
      </c>
      <c r="T19" s="45">
        <v>1183217.4905161497</v>
      </c>
      <c r="U19" s="45">
        <v>1183217.4905161497</v>
      </c>
      <c r="V19" s="45">
        <v>1183217.4905161497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743388.13372818357</v>
      </c>
      <c r="D21" s="44">
        <v>743388.13372818357</v>
      </c>
      <c r="E21" s="44">
        <v>743388.13372818357</v>
      </c>
      <c r="F21" s="44">
        <v>748570.09372818354</v>
      </c>
      <c r="G21" s="44">
        <v>748570.09372818354</v>
      </c>
      <c r="H21" s="44">
        <v>748570.09372818354</v>
      </c>
      <c r="I21" s="44">
        <v>748570.09372818354</v>
      </c>
      <c r="J21" s="44">
        <v>748570.09372818354</v>
      </c>
      <c r="K21" s="44">
        <v>748570.09372818354</v>
      </c>
      <c r="L21" s="44">
        <v>748570.09372818354</v>
      </c>
      <c r="M21" s="46">
        <v>743388.13372818357</v>
      </c>
      <c r="N21" s="46">
        <v>743388.13372818357</v>
      </c>
      <c r="O21" s="46">
        <v>743388.13372818357</v>
      </c>
      <c r="P21" s="46">
        <v>748570.09372818354</v>
      </c>
      <c r="Q21" s="46">
        <v>748570.09372818354</v>
      </c>
      <c r="R21" s="46">
        <v>748570.09372818354</v>
      </c>
      <c r="S21" s="46">
        <v>748570.09372818354</v>
      </c>
      <c r="T21" s="46">
        <v>748570.09372818354</v>
      </c>
      <c r="U21" s="46">
        <v>748570.09372818354</v>
      </c>
      <c r="V21" s="46">
        <v>748570.09372818354</v>
      </c>
    </row>
    <row r="22" spans="1:22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40">
        <v>159764.82065283335</v>
      </c>
      <c r="D23" s="40">
        <v>230164.53003883336</v>
      </c>
      <c r="E23" s="40">
        <v>291332.4485068334</v>
      </c>
      <c r="F23" s="40">
        <v>349298.35050683335</v>
      </c>
      <c r="G23" s="40">
        <v>405695.86050683336</v>
      </c>
      <c r="H23" s="40">
        <v>302406.46148733329</v>
      </c>
      <c r="I23" s="40">
        <v>288404.2621013333</v>
      </c>
      <c r="J23" s="40">
        <v>283633.85363333329</v>
      </c>
      <c r="K23" s="40">
        <v>282065.4616333333</v>
      </c>
      <c r="L23" s="40">
        <v>289765.4616333333</v>
      </c>
      <c r="M23" s="40">
        <v>301027.1797793333</v>
      </c>
      <c r="N23" s="40">
        <v>315029.37916533329</v>
      </c>
      <c r="O23" s="40">
        <v>319799.7876333333</v>
      </c>
      <c r="P23" s="40">
        <v>321368.17963333329</v>
      </c>
      <c r="Q23" s="40">
        <v>313668.17963333329</v>
      </c>
      <c r="R23" s="40">
        <v>302406.46148733329</v>
      </c>
      <c r="S23" s="40">
        <v>288404.2621013333</v>
      </c>
      <c r="T23" s="40">
        <v>283633.85363333329</v>
      </c>
      <c r="U23" s="40">
        <v>282065.4616333333</v>
      </c>
      <c r="V23" s="40">
        <v>282065.4616333333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280064.53613513277</v>
      </c>
      <c r="D25" s="46">
        <v>209664.82674913274</v>
      </c>
      <c r="E25" s="46">
        <v>148496.9082811327</v>
      </c>
      <c r="F25" s="46">
        <v>85349.046281132789</v>
      </c>
      <c r="G25" s="46">
        <v>28951.53628113278</v>
      </c>
      <c r="H25" s="46">
        <v>132240.93530063285</v>
      </c>
      <c r="I25" s="46">
        <v>146243.13468663284</v>
      </c>
      <c r="J25" s="46">
        <v>151013.54315463285</v>
      </c>
      <c r="K25" s="46">
        <v>152581.93515463284</v>
      </c>
      <c r="L25" s="46">
        <v>144881.93515463284</v>
      </c>
      <c r="M25" s="46">
        <v>138802.1770086328</v>
      </c>
      <c r="N25" s="46">
        <v>124799.97762263281</v>
      </c>
      <c r="O25" s="46">
        <v>120029.5691546328</v>
      </c>
      <c r="P25" s="46">
        <v>113279.21715463285</v>
      </c>
      <c r="Q25" s="46">
        <v>120979.21715463285</v>
      </c>
      <c r="R25" s="46">
        <v>132240.93530063285</v>
      </c>
      <c r="S25" s="46">
        <v>146243.13468663284</v>
      </c>
      <c r="T25" s="46">
        <v>151013.54315463285</v>
      </c>
      <c r="U25" s="46">
        <v>152581.93515463284</v>
      </c>
      <c r="V25" s="46">
        <v>152581.93515463284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95221.942285945144</v>
      </c>
      <c r="D27" s="40">
        <v>71286.041094705142</v>
      </c>
      <c r="E27" s="40">
        <v>50488.948815585121</v>
      </c>
      <c r="F27" s="40">
        <v>29018.675735585151</v>
      </c>
      <c r="G27" s="40">
        <v>9843.5223355851449</v>
      </c>
      <c r="H27" s="40">
        <v>44961.91800221517</v>
      </c>
      <c r="I27" s="40">
        <v>49722.665793455169</v>
      </c>
      <c r="J27" s="40">
        <v>51344.604672575173</v>
      </c>
      <c r="K27" s="40">
        <v>51877.85795257517</v>
      </c>
      <c r="L27" s="40">
        <v>49259.85795257517</v>
      </c>
      <c r="M27" s="40">
        <v>47192.740182935158</v>
      </c>
      <c r="N27" s="40">
        <v>42431.992391695159</v>
      </c>
      <c r="O27" s="40">
        <v>40810.053512575156</v>
      </c>
      <c r="P27" s="40">
        <v>38514.933832575174</v>
      </c>
      <c r="Q27" s="40">
        <v>41132.933832575174</v>
      </c>
      <c r="R27" s="40">
        <v>44961.91800221517</v>
      </c>
      <c r="S27" s="40">
        <v>49722.665793455169</v>
      </c>
      <c r="T27" s="40">
        <v>51344.604672575173</v>
      </c>
      <c r="U27" s="40">
        <v>51877.85795257517</v>
      </c>
      <c r="V27" s="40">
        <v>51877.85795257517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184842.59384918763</v>
      </c>
      <c r="D29" s="46">
        <v>138378.7856544276</v>
      </c>
      <c r="E29" s="46">
        <v>98007.959465547581</v>
      </c>
      <c r="F29" s="46">
        <v>56330.370545547637</v>
      </c>
      <c r="G29" s="46">
        <v>19108.013945547635</v>
      </c>
      <c r="H29" s="46">
        <v>87279.017298417675</v>
      </c>
      <c r="I29" s="46">
        <v>96520.468893177662</v>
      </c>
      <c r="J29" s="46">
        <v>99668.938482057682</v>
      </c>
      <c r="K29" s="46">
        <v>100704.07720205767</v>
      </c>
      <c r="L29" s="46">
        <v>95622.07720205767</v>
      </c>
      <c r="M29" s="46">
        <v>91609.436825697645</v>
      </c>
      <c r="N29" s="46">
        <v>82367.985230937658</v>
      </c>
      <c r="O29" s="46">
        <v>79219.515642057639</v>
      </c>
      <c r="P29" s="46">
        <v>74764.283322057672</v>
      </c>
      <c r="Q29" s="46">
        <v>79846.283322057672</v>
      </c>
      <c r="R29" s="46">
        <v>87279.017298417675</v>
      </c>
      <c r="S29" s="46">
        <v>96520.468893177662</v>
      </c>
      <c r="T29" s="46">
        <v>99668.938482057682</v>
      </c>
      <c r="U29" s="46">
        <v>100704.07720205767</v>
      </c>
      <c r="V29" s="46">
        <v>100704.07720205767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159764.82065283335</v>
      </c>
      <c r="D31" s="40">
        <v>230164.53003883336</v>
      </c>
      <c r="E31" s="40">
        <v>291332.4485068334</v>
      </c>
      <c r="F31" s="40">
        <v>349298.35050683335</v>
      </c>
      <c r="G31" s="40">
        <v>405695.86050683336</v>
      </c>
      <c r="H31" s="40">
        <v>302406.46148733329</v>
      </c>
      <c r="I31" s="40">
        <v>288404.2621013333</v>
      </c>
      <c r="J31" s="40">
        <v>283633.85363333329</v>
      </c>
      <c r="K31" s="40">
        <v>282065.4616333333</v>
      </c>
      <c r="L31" s="40">
        <v>289765.4616333333</v>
      </c>
      <c r="M31" s="40">
        <v>301027.1797793333</v>
      </c>
      <c r="N31" s="40">
        <v>315029.37916533329</v>
      </c>
      <c r="O31" s="40">
        <v>319799.7876333333</v>
      </c>
      <c r="P31" s="40">
        <v>321368.17963333329</v>
      </c>
      <c r="Q31" s="40">
        <v>313668.17963333329</v>
      </c>
      <c r="R31" s="40">
        <v>302406.46148733329</v>
      </c>
      <c r="S31" s="40">
        <v>288404.2621013333</v>
      </c>
      <c r="T31" s="40">
        <v>283633.85363333329</v>
      </c>
      <c r="U31" s="40">
        <v>282065.4616333333</v>
      </c>
      <c r="V31" s="40">
        <v>282065.4616333333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344607.41450202098</v>
      </c>
      <c r="D33" s="46">
        <v>368543.31569326099</v>
      </c>
      <c r="E33" s="46">
        <v>389340.40797238098</v>
      </c>
      <c r="F33" s="46">
        <v>405628.72105238098</v>
      </c>
      <c r="G33" s="46">
        <v>424803.87445238099</v>
      </c>
      <c r="H33" s="46">
        <v>389685.47878575098</v>
      </c>
      <c r="I33" s="46">
        <v>384924.73099451093</v>
      </c>
      <c r="J33" s="46">
        <v>383302.792115391</v>
      </c>
      <c r="K33" s="46">
        <v>382769.53883539094</v>
      </c>
      <c r="L33" s="46">
        <v>385387.53883539094</v>
      </c>
      <c r="M33" s="46">
        <v>392636.61660503095</v>
      </c>
      <c r="N33" s="46">
        <v>397397.36439627095</v>
      </c>
      <c r="O33" s="46">
        <v>399019.30327539094</v>
      </c>
      <c r="P33" s="46">
        <v>396132.46295539098</v>
      </c>
      <c r="Q33" s="46">
        <v>393514.46295539098</v>
      </c>
      <c r="R33" s="46">
        <v>389685.47878575098</v>
      </c>
      <c r="S33" s="46">
        <v>384924.73099451093</v>
      </c>
      <c r="T33" s="46">
        <v>383302.792115391</v>
      </c>
      <c r="U33" s="46">
        <v>382769.53883539094</v>
      </c>
      <c r="V33" s="46">
        <v>382769.53883539094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995323.74158216699</v>
      </c>
      <c r="C35" s="45">
        <v>338296.14072999998</v>
      </c>
      <c r="D35" s="45">
        <v>351998.54692999995</v>
      </c>
      <c r="E35" s="45">
        <v>305839.59233999997</v>
      </c>
      <c r="F35" s="45">
        <v>289829.51</v>
      </c>
      <c r="G35" s="45">
        <v>281987.55</v>
      </c>
      <c r="H35" s="45">
        <v>281987.55</v>
      </c>
      <c r="I35" s="45">
        <v>281987.55</v>
      </c>
      <c r="J35" s="45">
        <v>281987.55</v>
      </c>
      <c r="K35" s="45">
        <v>281987.55</v>
      </c>
      <c r="L35" s="45">
        <v>320487.55</v>
      </c>
      <c r="M35" s="45">
        <v>338296.14072999998</v>
      </c>
      <c r="N35" s="45">
        <v>351998.54692999995</v>
      </c>
      <c r="O35" s="45">
        <v>305839.59233999997</v>
      </c>
      <c r="P35" s="45">
        <v>289829.51</v>
      </c>
      <c r="Q35" s="45">
        <v>281987.55</v>
      </c>
      <c r="R35" s="45">
        <v>281987.55</v>
      </c>
      <c r="S35" s="45">
        <v>281987.55</v>
      </c>
      <c r="T35" s="45">
        <v>281987.55</v>
      </c>
      <c r="U35" s="45">
        <v>281987.55</v>
      </c>
      <c r="V35" s="45">
        <v>271804.15090783307</v>
      </c>
    </row>
    <row r="36" spans="1:22">
      <c r="A36" s="47" t="s">
        <v>74</v>
      </c>
      <c r="B36" s="46">
        <v>958701.27249000012</v>
      </c>
      <c r="C36" s="46">
        <v>281987.55</v>
      </c>
      <c r="D36" s="46">
        <v>281987.55</v>
      </c>
      <c r="E36" s="46">
        <v>281987.55</v>
      </c>
      <c r="F36" s="46">
        <v>281987.55</v>
      </c>
      <c r="G36" s="46">
        <v>281987.55</v>
      </c>
      <c r="H36" s="46">
        <v>281987.55</v>
      </c>
      <c r="I36" s="46">
        <v>281987.55</v>
      </c>
      <c r="J36" s="46">
        <v>281987.55</v>
      </c>
      <c r="K36" s="46">
        <v>281987.55</v>
      </c>
      <c r="L36" s="46">
        <v>281987.55</v>
      </c>
      <c r="M36" s="46">
        <v>281987.55</v>
      </c>
      <c r="N36" s="46">
        <v>281987.55</v>
      </c>
      <c r="O36" s="46">
        <v>281987.55</v>
      </c>
      <c r="P36" s="46">
        <v>281987.55</v>
      </c>
      <c r="Q36" s="46">
        <v>281987.55</v>
      </c>
      <c r="R36" s="46">
        <v>281987.55</v>
      </c>
      <c r="S36" s="46">
        <v>281987.55</v>
      </c>
      <c r="T36" s="46">
        <v>281987.55</v>
      </c>
      <c r="U36" s="46">
        <v>281987.55</v>
      </c>
      <c r="V36" s="46">
        <v>281987.55</v>
      </c>
    </row>
    <row r="37" spans="1:22">
      <c r="A37" s="48" t="s">
        <v>75</v>
      </c>
      <c r="B37" s="40">
        <v>23100</v>
      </c>
      <c r="C37" s="40">
        <v>56308.590729999996</v>
      </c>
      <c r="D37" s="40">
        <v>70010.996929999994</v>
      </c>
      <c r="E37" s="40">
        <v>23852.04234</v>
      </c>
      <c r="F37" s="40">
        <v>7841.96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38500</v>
      </c>
      <c r="M37" s="40">
        <v>56308.590729999996</v>
      </c>
      <c r="N37" s="40">
        <v>70010.996929999994</v>
      </c>
      <c r="O37" s="40">
        <v>23852.04234</v>
      </c>
      <c r="P37" s="40">
        <v>7841.96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9">
        <v>3339.0699999999997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10183.399092166899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10183.399092166899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23968.941750000002</v>
      </c>
      <c r="D41" s="44">
        <v>23968.941750000002</v>
      </c>
      <c r="E41" s="44">
        <v>23968.941750000002</v>
      </c>
      <c r="F41" s="44">
        <v>23968.941750000002</v>
      </c>
      <c r="G41" s="44">
        <v>23968.941750000002</v>
      </c>
      <c r="H41" s="44">
        <v>23968.941750000002</v>
      </c>
      <c r="I41" s="44">
        <v>23968.941750000002</v>
      </c>
      <c r="J41" s="44">
        <v>23968.941750000002</v>
      </c>
      <c r="K41" s="44">
        <v>23968.941750000002</v>
      </c>
      <c r="L41" s="44">
        <v>23968.941750000002</v>
      </c>
      <c r="M41" s="44">
        <v>23968.941750000002</v>
      </c>
      <c r="N41" s="44">
        <v>23968.941750000002</v>
      </c>
      <c r="O41" s="44">
        <v>23968.941750000002</v>
      </c>
      <c r="P41" s="44">
        <v>23968.941750000002</v>
      </c>
      <c r="Q41" s="44">
        <v>23968.941750000002</v>
      </c>
      <c r="R41" s="44">
        <v>23968.941750000002</v>
      </c>
      <c r="S41" s="44">
        <v>23968.941750000002</v>
      </c>
      <c r="T41" s="44">
        <v>23968.941750000002</v>
      </c>
      <c r="U41" s="44">
        <v>23968.941750000002</v>
      </c>
      <c r="V41" s="44">
        <v>624925.38494983327</v>
      </c>
    </row>
    <row r="42" spans="1:22">
      <c r="A42" s="39" t="s">
        <v>79</v>
      </c>
      <c r="B42" s="39"/>
      <c r="C42" s="45">
        <v>23968.941750000002</v>
      </c>
      <c r="D42" s="45">
        <v>23968.941750000002</v>
      </c>
      <c r="E42" s="45">
        <v>23968.941750000002</v>
      </c>
      <c r="F42" s="45">
        <v>23968.941750000002</v>
      </c>
      <c r="G42" s="45">
        <v>23968.941750000002</v>
      </c>
      <c r="H42" s="45">
        <v>23968.941750000002</v>
      </c>
      <c r="I42" s="45">
        <v>23968.941750000002</v>
      </c>
      <c r="J42" s="45">
        <v>23968.941750000002</v>
      </c>
      <c r="K42" s="45">
        <v>23968.941750000002</v>
      </c>
      <c r="L42" s="45">
        <v>23968.941750000002</v>
      </c>
      <c r="M42" s="45">
        <v>23968.941750000002</v>
      </c>
      <c r="N42" s="45">
        <v>23968.941750000002</v>
      </c>
      <c r="O42" s="45">
        <v>23968.941750000002</v>
      </c>
      <c r="P42" s="45">
        <v>23968.941750000002</v>
      </c>
      <c r="Q42" s="45">
        <v>23968.941750000002</v>
      </c>
      <c r="R42" s="45">
        <v>23968.941750000002</v>
      </c>
      <c r="S42" s="45">
        <v>23968.941750000002</v>
      </c>
      <c r="T42" s="45">
        <v>23968.941750000002</v>
      </c>
      <c r="U42" s="45">
        <v>23968.941750000002</v>
      </c>
      <c r="V42" s="45">
        <v>623144.54761649994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3">
        <v>0</v>
      </c>
      <c r="M43" s="43">
        <v>0</v>
      </c>
      <c r="N43" s="44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1780.8373333333332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995323.74158216699</v>
      </c>
      <c r="C45" s="51">
        <v>30280.215522021001</v>
      </c>
      <c r="D45" s="51">
        <v>40513.71051326103</v>
      </c>
      <c r="E45" s="51">
        <v>107469.75738238101</v>
      </c>
      <c r="F45" s="51">
        <v>139768.15280238097</v>
      </c>
      <c r="G45" s="51">
        <v>166785.266202381</v>
      </c>
      <c r="H45" s="51">
        <v>131666.87053575099</v>
      </c>
      <c r="I45" s="51">
        <v>126906.12274451094</v>
      </c>
      <c r="J45" s="51">
        <v>125284.18386539101</v>
      </c>
      <c r="K45" s="51">
        <v>124750.93058539095</v>
      </c>
      <c r="L45" s="51">
        <v>88868.930585390946</v>
      </c>
      <c r="M45" s="51">
        <v>78309.417625030968</v>
      </c>
      <c r="N45" s="51">
        <v>69367.759216270992</v>
      </c>
      <c r="O45" s="51">
        <v>117148.65268539096</v>
      </c>
      <c r="P45" s="51">
        <v>130271.89470539097</v>
      </c>
      <c r="Q45" s="51">
        <v>135495.85470539099</v>
      </c>
      <c r="R45" s="51">
        <v>131666.87053575099</v>
      </c>
      <c r="S45" s="51">
        <v>126906.12274451094</v>
      </c>
      <c r="T45" s="51">
        <v>125284.18386539101</v>
      </c>
      <c r="U45" s="51">
        <v>124750.93058539095</v>
      </c>
      <c r="V45" s="51">
        <v>735890.77287739119</v>
      </c>
    </row>
    <row r="46" spans="1:22">
      <c r="A46" s="39"/>
      <c r="B46" s="45"/>
      <c r="C46" s="45"/>
      <c r="D46" s="45"/>
      <c r="E46" s="45"/>
      <c r="F46" s="45"/>
      <c r="G46" s="45"/>
      <c r="H46" s="45"/>
      <c r="I46" s="45"/>
      <c r="J46" s="45"/>
      <c r="K46" s="45"/>
      <c r="L46" s="45"/>
      <c r="M46" s="45"/>
      <c r="N46" s="45"/>
      <c r="O46" s="45"/>
      <c r="P46" s="45"/>
      <c r="Q46" s="45"/>
      <c r="R46" s="45"/>
      <c r="S46" s="45"/>
      <c r="T46" s="45"/>
      <c r="U46" s="45"/>
      <c r="V46" s="45"/>
    </row>
    <row r="47" spans="1:22">
      <c r="A47" s="38"/>
      <c r="B47" s="52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159764.82065283335</v>
      </c>
      <c r="D55" s="58">
        <v>230164.53003883336</v>
      </c>
      <c r="E55" s="58">
        <v>291332.4485068334</v>
      </c>
      <c r="F55" s="58">
        <v>349298.35050683335</v>
      </c>
      <c r="G55" s="58">
        <v>405695.86050683336</v>
      </c>
      <c r="H55" s="58">
        <v>302406.46148733329</v>
      </c>
      <c r="I55" s="58">
        <v>288404.2621013333</v>
      </c>
      <c r="J55" s="58">
        <v>283633.85363333329</v>
      </c>
      <c r="K55" s="58">
        <v>282065.4616333333</v>
      </c>
      <c r="L55" s="58">
        <v>289765.4616333333</v>
      </c>
      <c r="M55" s="58">
        <v>301027.1797793333</v>
      </c>
      <c r="N55" s="58">
        <v>315029.37916533329</v>
      </c>
      <c r="O55" s="58">
        <v>319799.7876333333</v>
      </c>
      <c r="P55" s="58">
        <v>321368.17963333329</v>
      </c>
      <c r="Q55" s="58">
        <v>313668.17963333329</v>
      </c>
      <c r="R55" s="58">
        <v>302406.46148733329</v>
      </c>
      <c r="S55" s="58">
        <v>288404.2621013333</v>
      </c>
      <c r="T55" s="58">
        <v>283633.85363333329</v>
      </c>
      <c r="U55" s="58">
        <v>282065.4616333333</v>
      </c>
      <c r="V55" s="59">
        <v>282065.4616333333</v>
      </c>
    </row>
    <row r="56" spans="1:22">
      <c r="A56" s="60" t="s">
        <v>83</v>
      </c>
      <c r="B56" s="61"/>
      <c r="C56" s="62">
        <v>143805.19087350002</v>
      </c>
      <c r="D56" s="63">
        <v>200202.70087350003</v>
      </c>
      <c r="E56" s="63">
        <v>256600.21087350004</v>
      </c>
      <c r="F56" s="63">
        <v>312997.72087350005</v>
      </c>
      <c r="G56" s="63">
        <v>369395.23087350006</v>
      </c>
      <c r="H56" s="63">
        <v>281987.55</v>
      </c>
      <c r="I56" s="63">
        <v>281987.55</v>
      </c>
      <c r="J56" s="63">
        <v>281987.55</v>
      </c>
      <c r="K56" s="63">
        <v>281987.55</v>
      </c>
      <c r="L56" s="63">
        <v>281987.55</v>
      </c>
      <c r="M56" s="63">
        <v>281987.55</v>
      </c>
      <c r="N56" s="63">
        <v>281987.55</v>
      </c>
      <c r="O56" s="63">
        <v>281987.55</v>
      </c>
      <c r="P56" s="63">
        <v>281987.55</v>
      </c>
      <c r="Q56" s="63">
        <v>281987.55</v>
      </c>
      <c r="R56" s="63">
        <v>281987.55</v>
      </c>
      <c r="S56" s="63">
        <v>281987.55</v>
      </c>
      <c r="T56" s="63">
        <v>281987.55</v>
      </c>
      <c r="U56" s="63">
        <v>281987.55</v>
      </c>
      <c r="V56" s="64">
        <v>281987.55</v>
      </c>
    </row>
    <row r="57" spans="1:22">
      <c r="A57" s="65" t="s">
        <v>84</v>
      </c>
      <c r="B57" s="39"/>
      <c r="C57" s="66">
        <v>77.911633333333327</v>
      </c>
      <c r="D57" s="40">
        <v>77.911633333333327</v>
      </c>
      <c r="E57" s="40">
        <v>77.911633333333327</v>
      </c>
      <c r="F57" s="40">
        <v>77.911633333333327</v>
      </c>
      <c r="G57" s="40">
        <v>77.911633333333327</v>
      </c>
      <c r="H57" s="40">
        <v>77.911633333333327</v>
      </c>
      <c r="I57" s="40">
        <v>77.911633333333327</v>
      </c>
      <c r="J57" s="40">
        <v>77.911633333333327</v>
      </c>
      <c r="K57" s="40">
        <v>77.911633333333327</v>
      </c>
      <c r="L57" s="40">
        <v>77.911633333333327</v>
      </c>
      <c r="M57" s="40">
        <v>77.911633333333327</v>
      </c>
      <c r="N57" s="40">
        <v>77.911633333333327</v>
      </c>
      <c r="O57" s="40">
        <v>77.911633333333327</v>
      </c>
      <c r="P57" s="40">
        <v>77.911633333333327</v>
      </c>
      <c r="Q57" s="40">
        <v>77.911633333333327</v>
      </c>
      <c r="R57" s="40">
        <v>77.911633333333327</v>
      </c>
      <c r="S57" s="40">
        <v>77.911633333333327</v>
      </c>
      <c r="T57" s="40">
        <v>77.911633333333327</v>
      </c>
      <c r="U57" s="40">
        <v>77.911633333333327</v>
      </c>
      <c r="V57" s="67">
        <v>77.911633333333327</v>
      </c>
    </row>
    <row r="58" spans="1:22">
      <c r="A58" s="68" t="s">
        <v>85</v>
      </c>
      <c r="B58" s="69"/>
      <c r="C58" s="70">
        <v>15881.718145999999</v>
      </c>
      <c r="D58" s="71">
        <v>29883.917531999999</v>
      </c>
      <c r="E58" s="71">
        <v>34654.326000000001</v>
      </c>
      <c r="F58" s="71">
        <v>36222.718000000001</v>
      </c>
      <c r="G58" s="71">
        <v>36222.718000000001</v>
      </c>
      <c r="H58" s="71">
        <v>20340.999853999998</v>
      </c>
      <c r="I58" s="71">
        <v>6338.8004679999995</v>
      </c>
      <c r="J58" s="71">
        <v>1568.3920000000001</v>
      </c>
      <c r="K58" s="71">
        <v>0</v>
      </c>
      <c r="L58" s="71">
        <v>7700</v>
      </c>
      <c r="M58" s="71">
        <v>18961.718145999999</v>
      </c>
      <c r="N58" s="71">
        <v>32963.917531999999</v>
      </c>
      <c r="O58" s="71">
        <v>37734.326000000001</v>
      </c>
      <c r="P58" s="71">
        <v>39302.718000000001</v>
      </c>
      <c r="Q58" s="71">
        <v>31602.718000000001</v>
      </c>
      <c r="R58" s="71">
        <v>20340.999853999998</v>
      </c>
      <c r="S58" s="71">
        <v>6338.8004679999995</v>
      </c>
      <c r="T58" s="71">
        <v>1568.3920000000001</v>
      </c>
      <c r="U58" s="71">
        <v>0</v>
      </c>
      <c r="V58" s="72">
        <v>0</v>
      </c>
    </row>
    <row r="88" spans="10:11" ht="12.75">
      <c r="J88" s="85"/>
      <c r="K88" s="103" t="s">
        <v>111</v>
      </c>
    </row>
    <row r="92" spans="10:11" ht="12.75">
      <c r="J92" s="85"/>
    </row>
    <row r="95" spans="10:11" ht="12.75">
      <c r="J95" s="85"/>
    </row>
    <row r="97" spans="10:10" ht="12.75">
      <c r="J97" s="85"/>
    </row>
  </sheetData>
  <pageMargins left="0.2864583333333333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>
  <sheetPr codeName="Plan8"/>
  <dimension ref="A1:X88"/>
  <sheetViews>
    <sheetView tabSelected="1" view="pageBreakPreview" topLeftCell="A13" zoomScale="80" zoomScaleNormal="100" zoomScaleSheetLayoutView="80" workbookViewId="0">
      <selection activeCell="L5" sqref="L5"/>
    </sheetView>
  </sheetViews>
  <sheetFormatPr defaultRowHeight="11.25"/>
  <cols>
    <col min="1" max="1" width="33.5703125" style="2" customWidth="1"/>
    <col min="2" max="2" width="13.85546875" style="2" customWidth="1"/>
    <col min="3" max="3" width="11.42578125" style="2" bestFit="1" customWidth="1"/>
    <col min="4" max="22" width="10.5703125" style="2" customWidth="1"/>
    <col min="23" max="23" width="9.140625" style="2"/>
    <col min="24" max="24" width="9.140625" style="2" hidden="1" customWidth="1"/>
    <col min="25" max="25" width="9.140625" style="2" customWidth="1"/>
    <col min="26" max="16384" width="9.140625" style="2"/>
  </cols>
  <sheetData>
    <row r="1" spans="1:22" ht="26.25" customHeight="1">
      <c r="A1" s="82" t="s">
        <v>125</v>
      </c>
    </row>
    <row r="4" spans="1:22" ht="18">
      <c r="A4" s="82" t="s">
        <v>143</v>
      </c>
    </row>
    <row r="5" spans="1:22" ht="15.75">
      <c r="A5" s="87" t="s">
        <v>45</v>
      </c>
    </row>
    <row r="6" spans="1:22" ht="15.75">
      <c r="A6" s="80" t="s">
        <v>101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1">
        <v>14386.182799042837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8863.3053828593274</v>
      </c>
    </row>
    <row r="11" spans="1:22" ht="12.75">
      <c r="A11" s="91" t="s">
        <v>59</v>
      </c>
      <c r="B11" s="92"/>
      <c r="C11" s="99">
        <v>2129.7622289999999</v>
      </c>
    </row>
    <row r="12" spans="1:22" ht="12.75">
      <c r="A12" s="91" t="s">
        <v>60</v>
      </c>
      <c r="B12" s="92"/>
      <c r="C12" s="100">
        <v>6733.5431538593275</v>
      </c>
    </row>
    <row r="13" spans="1:22" ht="12.75">
      <c r="A13" s="91" t="s">
        <v>61</v>
      </c>
      <c r="B13" s="92"/>
      <c r="C13" s="99">
        <v>3564</v>
      </c>
    </row>
    <row r="14" spans="1:22" ht="15">
      <c r="A14" s="88"/>
      <c r="B14" s="39"/>
      <c r="C14" s="40"/>
    </row>
    <row r="15" spans="1:22" ht="18">
      <c r="A15" s="104" t="s">
        <v>144</v>
      </c>
      <c r="C15" s="40"/>
      <c r="D15" s="27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1726341.9358851404</v>
      </c>
      <c r="D17" s="40">
        <v>1726341.9358851404</v>
      </c>
      <c r="E17" s="40">
        <v>1726341.9358851404</v>
      </c>
      <c r="F17" s="40">
        <v>1726341.9358851404</v>
      </c>
      <c r="G17" s="40">
        <v>1726341.9358851404</v>
      </c>
      <c r="H17" s="40">
        <v>1726341.9358851404</v>
      </c>
      <c r="I17" s="40">
        <v>1726341.9358851404</v>
      </c>
      <c r="J17" s="40">
        <v>1726341.9358851404</v>
      </c>
      <c r="K17" s="40">
        <v>1726341.9358851404</v>
      </c>
      <c r="L17" s="40">
        <v>1726341.9358851404</v>
      </c>
      <c r="M17" s="40">
        <v>1726341.9358851404</v>
      </c>
      <c r="N17" s="40">
        <v>1726341.9358851404</v>
      </c>
      <c r="O17" s="40">
        <v>1726341.9358851404</v>
      </c>
      <c r="P17" s="40">
        <v>1726341.9358851404</v>
      </c>
      <c r="Q17" s="40">
        <v>1726341.9358851404</v>
      </c>
      <c r="R17" s="40">
        <v>1726341.9358851404</v>
      </c>
      <c r="S17" s="40">
        <v>1726341.9358851404</v>
      </c>
      <c r="T17" s="40">
        <v>1726341.9358851404</v>
      </c>
      <c r="U17" s="40">
        <v>1726341.9358851404</v>
      </c>
      <c r="V17" s="40">
        <v>1726341.9358851404</v>
      </c>
    </row>
    <row r="18" spans="1:22">
      <c r="A18" s="43" t="s">
        <v>64</v>
      </c>
      <c r="B18" s="43"/>
      <c r="C18" s="44">
        <v>34526.838717702813</v>
      </c>
      <c r="D18" s="44">
        <v>34526.838717702813</v>
      </c>
      <c r="E18" s="44">
        <v>34526.838717702813</v>
      </c>
      <c r="F18" s="44">
        <v>34526.838717702813</v>
      </c>
      <c r="G18" s="44">
        <v>34526.838717702813</v>
      </c>
      <c r="H18" s="44">
        <v>34526.838717702813</v>
      </c>
      <c r="I18" s="44">
        <v>34526.838717702813</v>
      </c>
      <c r="J18" s="44">
        <v>34526.838717702813</v>
      </c>
      <c r="K18" s="44">
        <v>34526.838717702813</v>
      </c>
      <c r="L18" s="44">
        <v>34526.838717702813</v>
      </c>
      <c r="M18" s="44">
        <v>34526.838717702813</v>
      </c>
      <c r="N18" s="44">
        <v>34526.838717702813</v>
      </c>
      <c r="O18" s="44">
        <v>34526.838717702813</v>
      </c>
      <c r="P18" s="44">
        <v>34526.838717702813</v>
      </c>
      <c r="Q18" s="44">
        <v>34526.838717702813</v>
      </c>
      <c r="R18" s="44">
        <v>34526.838717702813</v>
      </c>
      <c r="S18" s="44">
        <v>34526.838717702813</v>
      </c>
      <c r="T18" s="44">
        <v>34526.838717702813</v>
      </c>
      <c r="U18" s="44">
        <v>34526.838717702813</v>
      </c>
      <c r="V18" s="44">
        <v>34526.838717702813</v>
      </c>
    </row>
    <row r="19" spans="1:22">
      <c r="A19" s="39" t="s">
        <v>65</v>
      </c>
      <c r="B19" s="39"/>
      <c r="C19" s="45">
        <v>1691815.0971674377</v>
      </c>
      <c r="D19" s="45">
        <v>1691815.0971674377</v>
      </c>
      <c r="E19" s="45">
        <v>1691815.0971674377</v>
      </c>
      <c r="F19" s="45">
        <v>1691815.0971674377</v>
      </c>
      <c r="G19" s="45">
        <v>1691815.0971674377</v>
      </c>
      <c r="H19" s="45">
        <v>1691815.0971674377</v>
      </c>
      <c r="I19" s="45">
        <v>1691815.0971674377</v>
      </c>
      <c r="J19" s="45">
        <v>1691815.0971674377</v>
      </c>
      <c r="K19" s="45">
        <v>1691815.0971674377</v>
      </c>
      <c r="L19" s="45">
        <v>1691815.0971674377</v>
      </c>
      <c r="M19" s="45">
        <v>1691815.0971674377</v>
      </c>
      <c r="N19" s="45">
        <v>1691815.0971674377</v>
      </c>
      <c r="O19" s="45">
        <v>1691815.0971674377</v>
      </c>
      <c r="P19" s="45">
        <v>1691815.0971674377</v>
      </c>
      <c r="Q19" s="45">
        <v>1691815.0971674377</v>
      </c>
      <c r="R19" s="45">
        <v>1691815.0971674377</v>
      </c>
      <c r="S19" s="45">
        <v>1691815.0971674377</v>
      </c>
      <c r="T19" s="45">
        <v>1691815.0971674377</v>
      </c>
      <c r="U19" s="45">
        <v>1691815.0971674377</v>
      </c>
      <c r="V19" s="45">
        <v>1691815.0971674377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1106239.8459431191</v>
      </c>
      <c r="D21" s="44">
        <v>1106239.8459431191</v>
      </c>
      <c r="E21" s="44">
        <v>1106239.8459431191</v>
      </c>
      <c r="F21" s="44">
        <v>1113642.6459431192</v>
      </c>
      <c r="G21" s="44">
        <v>1113642.6459431192</v>
      </c>
      <c r="H21" s="44">
        <v>1113642.6459431192</v>
      </c>
      <c r="I21" s="44">
        <v>1113642.6459431192</v>
      </c>
      <c r="J21" s="44">
        <v>1113642.6459431192</v>
      </c>
      <c r="K21" s="44">
        <v>1113642.6459431192</v>
      </c>
      <c r="L21" s="44">
        <v>1113642.6459431192</v>
      </c>
      <c r="M21" s="46">
        <v>1106239.8459431191</v>
      </c>
      <c r="N21" s="46">
        <v>1106239.8459431191</v>
      </c>
      <c r="O21" s="46">
        <v>1106239.8459431191</v>
      </c>
      <c r="P21" s="46">
        <v>1113642.6459431192</v>
      </c>
      <c r="Q21" s="46">
        <v>1113642.6459431192</v>
      </c>
      <c r="R21" s="46">
        <v>1113642.6459431192</v>
      </c>
      <c r="S21" s="46">
        <v>1113642.6459431192</v>
      </c>
      <c r="T21" s="46">
        <v>1113642.6459431192</v>
      </c>
      <c r="U21" s="46">
        <v>1113642.6459431192</v>
      </c>
      <c r="V21" s="46">
        <v>1113642.6459431192</v>
      </c>
    </row>
    <row r="22" spans="1:22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40">
        <v>237633.62260408342</v>
      </c>
      <c r="D23" s="40">
        <v>324253.55458408338</v>
      </c>
      <c r="E23" s="40">
        <v>397685.21382408345</v>
      </c>
      <c r="F23" s="40">
        <v>466542.56382408348</v>
      </c>
      <c r="G23" s="40">
        <v>533159.35382408346</v>
      </c>
      <c r="H23" s="40">
        <v>362253.82355333341</v>
      </c>
      <c r="I23" s="40">
        <v>342250.68157333345</v>
      </c>
      <c r="J23" s="40">
        <v>335435.81233333342</v>
      </c>
      <c r="K23" s="40">
        <v>333195.25233333342</v>
      </c>
      <c r="L23" s="40">
        <v>344195.25233333342</v>
      </c>
      <c r="M23" s="40">
        <v>360283.42111333343</v>
      </c>
      <c r="N23" s="40">
        <v>380286.56309333339</v>
      </c>
      <c r="O23" s="40">
        <v>387101.43233333342</v>
      </c>
      <c r="P23" s="40">
        <v>389341.99233333342</v>
      </c>
      <c r="Q23" s="40">
        <v>378341.99233333342</v>
      </c>
      <c r="R23" s="40">
        <v>362253.82355333341</v>
      </c>
      <c r="S23" s="40">
        <v>342250.68157333345</v>
      </c>
      <c r="T23" s="40">
        <v>335435.81233333342</v>
      </c>
      <c r="U23" s="40">
        <v>333195.25233333342</v>
      </c>
      <c r="V23" s="40">
        <v>333195.25233333342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347941.62862023513</v>
      </c>
      <c r="D25" s="46">
        <v>261321.69664023514</v>
      </c>
      <c r="E25" s="46">
        <v>187890.03740023507</v>
      </c>
      <c r="F25" s="46">
        <v>111629.88740023499</v>
      </c>
      <c r="G25" s="46">
        <v>45013.097400235012</v>
      </c>
      <c r="H25" s="46">
        <v>215918.62767098506</v>
      </c>
      <c r="I25" s="46">
        <v>235921.76965098502</v>
      </c>
      <c r="J25" s="46">
        <v>242736.63889098505</v>
      </c>
      <c r="K25" s="46">
        <v>244977.19889098505</v>
      </c>
      <c r="L25" s="46">
        <v>233977.19889098505</v>
      </c>
      <c r="M25" s="46">
        <v>225291.83011098509</v>
      </c>
      <c r="N25" s="46">
        <v>205288.68813098513</v>
      </c>
      <c r="O25" s="46">
        <v>198473.8188909851</v>
      </c>
      <c r="P25" s="46">
        <v>188830.45889098506</v>
      </c>
      <c r="Q25" s="46">
        <v>199830.45889098506</v>
      </c>
      <c r="R25" s="46">
        <v>215918.62767098506</v>
      </c>
      <c r="S25" s="46">
        <v>235921.76965098502</v>
      </c>
      <c r="T25" s="46">
        <v>242736.63889098505</v>
      </c>
      <c r="U25" s="46">
        <v>244977.19889098505</v>
      </c>
      <c r="V25" s="46">
        <v>244977.19889098505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118300.15373087996</v>
      </c>
      <c r="D27" s="40">
        <v>88849.376857679948</v>
      </c>
      <c r="E27" s="40">
        <v>63882.61271607993</v>
      </c>
      <c r="F27" s="40">
        <v>37954.1617160799</v>
      </c>
      <c r="G27" s="40">
        <v>15304.453116079905</v>
      </c>
      <c r="H27" s="40">
        <v>73412.333408134931</v>
      </c>
      <c r="I27" s="40">
        <v>80213.401681334915</v>
      </c>
      <c r="J27" s="40">
        <v>82530.457222934929</v>
      </c>
      <c r="K27" s="40">
        <v>83292.247622934927</v>
      </c>
      <c r="L27" s="40">
        <v>79552.247622934927</v>
      </c>
      <c r="M27" s="40">
        <v>76599.222237734939</v>
      </c>
      <c r="N27" s="40">
        <v>69798.153964534955</v>
      </c>
      <c r="O27" s="40">
        <v>67481.098422934941</v>
      </c>
      <c r="P27" s="40">
        <v>64202.356022934924</v>
      </c>
      <c r="Q27" s="40">
        <v>67942.356022934924</v>
      </c>
      <c r="R27" s="40">
        <v>73412.333408134931</v>
      </c>
      <c r="S27" s="40">
        <v>80213.401681334915</v>
      </c>
      <c r="T27" s="40">
        <v>82530.457222934929</v>
      </c>
      <c r="U27" s="40">
        <v>83292.247622934927</v>
      </c>
      <c r="V27" s="40">
        <v>83292.247622934927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229641.47488935519</v>
      </c>
      <c r="D29" s="46">
        <v>172472.31978255519</v>
      </c>
      <c r="E29" s="46">
        <v>124007.42468415515</v>
      </c>
      <c r="F29" s="46">
        <v>73675.725684155099</v>
      </c>
      <c r="G29" s="46">
        <v>29708.644284155107</v>
      </c>
      <c r="H29" s="46">
        <v>142506.29426285013</v>
      </c>
      <c r="I29" s="46">
        <v>155708.36796965011</v>
      </c>
      <c r="J29" s="46">
        <v>160206.18166805012</v>
      </c>
      <c r="K29" s="46">
        <v>161684.95126805012</v>
      </c>
      <c r="L29" s="46">
        <v>154424.95126805012</v>
      </c>
      <c r="M29" s="46">
        <v>148692.60787325015</v>
      </c>
      <c r="N29" s="46">
        <v>135490.53416645018</v>
      </c>
      <c r="O29" s="46">
        <v>130992.72046805016</v>
      </c>
      <c r="P29" s="46">
        <v>124628.10286805013</v>
      </c>
      <c r="Q29" s="46">
        <v>131888.10286805013</v>
      </c>
      <c r="R29" s="46">
        <v>142506.29426285013</v>
      </c>
      <c r="S29" s="46">
        <v>155708.36796965011</v>
      </c>
      <c r="T29" s="46">
        <v>160206.18166805012</v>
      </c>
      <c r="U29" s="46">
        <v>161684.95126805012</v>
      </c>
      <c r="V29" s="46">
        <v>161684.95126805012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237633.62260408342</v>
      </c>
      <c r="D31" s="40">
        <v>324253.55458408338</v>
      </c>
      <c r="E31" s="40">
        <v>397685.21382408345</v>
      </c>
      <c r="F31" s="40">
        <v>466542.56382408348</v>
      </c>
      <c r="G31" s="40">
        <v>533159.35382408346</v>
      </c>
      <c r="H31" s="40">
        <v>362253.82355333341</v>
      </c>
      <c r="I31" s="40">
        <v>342250.68157333345</v>
      </c>
      <c r="J31" s="40">
        <v>335435.81233333342</v>
      </c>
      <c r="K31" s="40">
        <v>333195.25233333342</v>
      </c>
      <c r="L31" s="40">
        <v>344195.25233333342</v>
      </c>
      <c r="M31" s="40">
        <v>360283.42111333343</v>
      </c>
      <c r="N31" s="40">
        <v>380286.56309333339</v>
      </c>
      <c r="O31" s="40">
        <v>387101.43233333342</v>
      </c>
      <c r="P31" s="40">
        <v>389341.99233333342</v>
      </c>
      <c r="Q31" s="40">
        <v>378341.99233333342</v>
      </c>
      <c r="R31" s="40">
        <v>362253.82355333341</v>
      </c>
      <c r="S31" s="40">
        <v>342250.68157333345</v>
      </c>
      <c r="T31" s="40">
        <v>335435.81233333342</v>
      </c>
      <c r="U31" s="40">
        <v>333195.25233333342</v>
      </c>
      <c r="V31" s="40">
        <v>333195.25233333342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467275.09749343863</v>
      </c>
      <c r="D33" s="46">
        <v>496725.8743666386</v>
      </c>
      <c r="E33" s="46">
        <v>521692.6385082386</v>
      </c>
      <c r="F33" s="46">
        <v>540218.28950823855</v>
      </c>
      <c r="G33" s="46">
        <v>562867.99810823856</v>
      </c>
      <c r="H33" s="46">
        <v>504760.11781618354</v>
      </c>
      <c r="I33" s="46">
        <v>497959.04954298353</v>
      </c>
      <c r="J33" s="46">
        <v>495641.99400138354</v>
      </c>
      <c r="K33" s="46">
        <v>494880.20360138355</v>
      </c>
      <c r="L33" s="46">
        <v>498620.20360138355</v>
      </c>
      <c r="M33" s="46">
        <v>508976.02898658358</v>
      </c>
      <c r="N33" s="46">
        <v>515777.09725978354</v>
      </c>
      <c r="O33" s="46">
        <v>518094.15280138358</v>
      </c>
      <c r="P33" s="46">
        <v>513970.09520138358</v>
      </c>
      <c r="Q33" s="46">
        <v>510230.09520138358</v>
      </c>
      <c r="R33" s="46">
        <v>504760.11781618354</v>
      </c>
      <c r="S33" s="46">
        <v>497959.04954298353</v>
      </c>
      <c r="T33" s="46">
        <v>495641.99400138354</v>
      </c>
      <c r="U33" s="46">
        <v>494880.20360138355</v>
      </c>
      <c r="V33" s="46">
        <v>494880.20360138355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1485151.7470973721</v>
      </c>
      <c r="C35" s="45">
        <v>413524.79389999999</v>
      </c>
      <c r="D35" s="45">
        <v>433099.65989999997</v>
      </c>
      <c r="E35" s="45">
        <v>367158.29619999998</v>
      </c>
      <c r="F35" s="45">
        <v>344286.75</v>
      </c>
      <c r="G35" s="45">
        <v>333083.95</v>
      </c>
      <c r="H35" s="45">
        <v>333083.95</v>
      </c>
      <c r="I35" s="45">
        <v>333083.95</v>
      </c>
      <c r="J35" s="45">
        <v>333083.95</v>
      </c>
      <c r="K35" s="45">
        <v>333083.95</v>
      </c>
      <c r="L35" s="45">
        <v>388083.95</v>
      </c>
      <c r="M35" s="45">
        <v>413524.79389999999</v>
      </c>
      <c r="N35" s="45">
        <v>433099.65989999997</v>
      </c>
      <c r="O35" s="45">
        <v>367158.29619999998</v>
      </c>
      <c r="P35" s="45">
        <v>344286.75</v>
      </c>
      <c r="Q35" s="45">
        <v>333083.95</v>
      </c>
      <c r="R35" s="45">
        <v>333083.95</v>
      </c>
      <c r="S35" s="45">
        <v>333083.95</v>
      </c>
      <c r="T35" s="45">
        <v>333083.95</v>
      </c>
      <c r="U35" s="45">
        <v>333083.95</v>
      </c>
      <c r="V35" s="45">
        <v>317929.97950762854</v>
      </c>
    </row>
    <row r="36" spans="1:22">
      <c r="A36" s="47" t="s">
        <v>74</v>
      </c>
      <c r="B36" s="46">
        <v>1432227.6766050004</v>
      </c>
      <c r="C36" s="46">
        <v>333083.95</v>
      </c>
      <c r="D36" s="46">
        <v>333083.95</v>
      </c>
      <c r="E36" s="46">
        <v>333083.95</v>
      </c>
      <c r="F36" s="46">
        <v>333083.95</v>
      </c>
      <c r="G36" s="46">
        <v>333083.95</v>
      </c>
      <c r="H36" s="46">
        <v>333083.95</v>
      </c>
      <c r="I36" s="46">
        <v>333083.95</v>
      </c>
      <c r="J36" s="46">
        <v>333083.95</v>
      </c>
      <c r="K36" s="46">
        <v>333083.95</v>
      </c>
      <c r="L36" s="46">
        <v>333083.95</v>
      </c>
      <c r="M36" s="46">
        <v>333083.95</v>
      </c>
      <c r="N36" s="46">
        <v>333083.95</v>
      </c>
      <c r="O36" s="46">
        <v>333083.95</v>
      </c>
      <c r="P36" s="46">
        <v>333083.95</v>
      </c>
      <c r="Q36" s="46">
        <v>333083.95</v>
      </c>
      <c r="R36" s="46">
        <v>333083.95</v>
      </c>
      <c r="S36" s="46">
        <v>333083.95</v>
      </c>
      <c r="T36" s="46">
        <v>333083.95</v>
      </c>
      <c r="U36" s="46">
        <v>333083.95</v>
      </c>
      <c r="V36" s="46">
        <v>333083.95</v>
      </c>
    </row>
    <row r="37" spans="1:22">
      <c r="A37" s="48" t="s">
        <v>75</v>
      </c>
      <c r="B37" s="40">
        <v>33000</v>
      </c>
      <c r="C37" s="40">
        <v>80440.843899999993</v>
      </c>
      <c r="D37" s="40">
        <v>100015.70989999999</v>
      </c>
      <c r="E37" s="40">
        <v>34074.3462</v>
      </c>
      <c r="F37" s="40">
        <v>11202.8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55000</v>
      </c>
      <c r="M37" s="40">
        <v>80440.843899999993</v>
      </c>
      <c r="N37" s="40">
        <v>100015.70989999999</v>
      </c>
      <c r="O37" s="40">
        <v>34074.3462</v>
      </c>
      <c r="P37" s="40">
        <v>11202.8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9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15153.970492371496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15153.970492371496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14156.067875000001</v>
      </c>
      <c r="D41" s="44">
        <v>14156.067875000001</v>
      </c>
      <c r="E41" s="44">
        <v>14156.067875000001</v>
      </c>
      <c r="F41" s="44">
        <v>14156.067875000001</v>
      </c>
      <c r="G41" s="44">
        <v>14156.067875000001</v>
      </c>
      <c r="H41" s="44">
        <v>14156.067875000001</v>
      </c>
      <c r="I41" s="44">
        <v>14156.067875000001</v>
      </c>
      <c r="J41" s="44">
        <v>14156.067875000001</v>
      </c>
      <c r="K41" s="44">
        <v>14156.067875000001</v>
      </c>
      <c r="L41" s="44">
        <v>14156.067875000001</v>
      </c>
      <c r="M41" s="44">
        <v>14156.067875000001</v>
      </c>
      <c r="N41" s="44">
        <v>14156.067875000001</v>
      </c>
      <c r="O41" s="44">
        <v>14156.067875000001</v>
      </c>
      <c r="P41" s="44">
        <v>14156.067875000001</v>
      </c>
      <c r="Q41" s="44">
        <v>14156.067875000001</v>
      </c>
      <c r="R41" s="44">
        <v>14156.067875000001</v>
      </c>
      <c r="S41" s="44">
        <v>14156.067875000001</v>
      </c>
      <c r="T41" s="44">
        <v>14156.067875000001</v>
      </c>
      <c r="U41" s="44">
        <v>14156.067875000001</v>
      </c>
      <c r="V41" s="44">
        <v>965128.35669758334</v>
      </c>
    </row>
    <row r="42" spans="1:22">
      <c r="A42" s="39" t="s">
        <v>79</v>
      </c>
      <c r="B42" s="39"/>
      <c r="C42" s="45">
        <v>14156.067875000001</v>
      </c>
      <c r="D42" s="45">
        <v>14156.067875000001</v>
      </c>
      <c r="E42" s="45">
        <v>14156.067875000001</v>
      </c>
      <c r="F42" s="45">
        <v>14156.067875000001</v>
      </c>
      <c r="G42" s="45">
        <v>14156.067875000001</v>
      </c>
      <c r="H42" s="45">
        <v>14156.067875000001</v>
      </c>
      <c r="I42" s="45">
        <v>14156.067875000001</v>
      </c>
      <c r="J42" s="45">
        <v>14156.067875000001</v>
      </c>
      <c r="K42" s="45">
        <v>14156.067875000001</v>
      </c>
      <c r="L42" s="45">
        <v>14156.067875000001</v>
      </c>
      <c r="M42" s="45">
        <v>14156.067875000001</v>
      </c>
      <c r="N42" s="45">
        <v>14156.067875000001</v>
      </c>
      <c r="O42" s="45">
        <v>14156.067875000001</v>
      </c>
      <c r="P42" s="45">
        <v>14156.067875000001</v>
      </c>
      <c r="Q42" s="45">
        <v>14156.067875000001</v>
      </c>
      <c r="R42" s="45">
        <v>14156.067875000001</v>
      </c>
      <c r="S42" s="45">
        <v>14156.067875000001</v>
      </c>
      <c r="T42" s="45">
        <v>14156.067875000001</v>
      </c>
      <c r="U42" s="45">
        <v>14156.067875000001</v>
      </c>
      <c r="V42" s="45">
        <v>962584.30336424999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3">
        <v>0</v>
      </c>
      <c r="M43" s="43">
        <v>0</v>
      </c>
      <c r="N43" s="43">
        <v>0</v>
      </c>
      <c r="O43" s="43">
        <v>0</v>
      </c>
      <c r="P43" s="43">
        <v>0</v>
      </c>
      <c r="Q43" s="46">
        <v>0</v>
      </c>
      <c r="R43" s="46">
        <v>0</v>
      </c>
      <c r="S43" s="46">
        <v>0</v>
      </c>
      <c r="T43" s="46">
        <v>0</v>
      </c>
      <c r="U43" s="46">
        <v>0</v>
      </c>
      <c r="V43" s="46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1485151.7470973721</v>
      </c>
      <c r="C45" s="51">
        <v>67906.37146843865</v>
      </c>
      <c r="D45" s="51">
        <v>77782.282341638638</v>
      </c>
      <c r="E45" s="51">
        <v>168690.41018323862</v>
      </c>
      <c r="F45" s="51">
        <v>210087.60738323856</v>
      </c>
      <c r="G45" s="51">
        <v>243940.11598323856</v>
      </c>
      <c r="H45" s="51">
        <v>185832.23569118354</v>
      </c>
      <c r="I45" s="51">
        <v>179031.16741798352</v>
      </c>
      <c r="J45" s="51">
        <v>176714.11187638354</v>
      </c>
      <c r="K45" s="51">
        <v>175952.32147638354</v>
      </c>
      <c r="L45" s="51">
        <v>124692.32147638354</v>
      </c>
      <c r="M45" s="51">
        <v>109607.3029615836</v>
      </c>
      <c r="N45" s="51">
        <v>96833.505234783574</v>
      </c>
      <c r="O45" s="51">
        <v>165091.9244763836</v>
      </c>
      <c r="P45" s="51">
        <v>183839.41307638359</v>
      </c>
      <c r="Q45" s="51">
        <v>191302.21307638357</v>
      </c>
      <c r="R45" s="51">
        <v>185832.23569118354</v>
      </c>
      <c r="S45" s="51">
        <v>179031.16741798352</v>
      </c>
      <c r="T45" s="51">
        <v>176714.11187638354</v>
      </c>
      <c r="U45" s="51">
        <v>175952.32147638354</v>
      </c>
      <c r="V45" s="51">
        <v>1142078.5807913383</v>
      </c>
    </row>
    <row r="46" spans="1:22">
      <c r="A46" s="39"/>
      <c r="B46" s="39"/>
      <c r="C46" s="39"/>
      <c r="D46" s="39"/>
      <c r="E46" s="39"/>
      <c r="F46" s="39"/>
      <c r="G46" s="39"/>
      <c r="H46" s="39"/>
      <c r="I46" s="39"/>
      <c r="J46" s="39"/>
      <c r="K46" s="39"/>
      <c r="L46" s="39"/>
      <c r="M46" s="39"/>
      <c r="N46" s="39"/>
      <c r="O46" s="39"/>
      <c r="P46" s="39"/>
      <c r="Q46" s="39"/>
      <c r="R46" s="39"/>
      <c r="S46" s="39"/>
      <c r="T46" s="39"/>
      <c r="U46" s="39"/>
      <c r="V46" s="39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237633.62260408342</v>
      </c>
      <c r="D55" s="58">
        <v>324253.55458408338</v>
      </c>
      <c r="E55" s="58">
        <v>397685.21382408345</v>
      </c>
      <c r="F55" s="58">
        <v>466542.56382408348</v>
      </c>
      <c r="G55" s="58">
        <v>533159.35382408346</v>
      </c>
      <c r="H55" s="58">
        <v>362253.82355333341</v>
      </c>
      <c r="I55" s="58">
        <v>342250.68157333345</v>
      </c>
      <c r="J55" s="58">
        <v>335435.81233333342</v>
      </c>
      <c r="K55" s="58">
        <v>333195.25233333342</v>
      </c>
      <c r="L55" s="58">
        <v>344195.25233333342</v>
      </c>
      <c r="M55" s="58">
        <v>360283.42111333343</v>
      </c>
      <c r="N55" s="58">
        <v>380286.56309333339</v>
      </c>
      <c r="O55" s="58">
        <v>387101.43233333342</v>
      </c>
      <c r="P55" s="58">
        <v>389341.99233333342</v>
      </c>
      <c r="Q55" s="58">
        <v>378341.99233333342</v>
      </c>
      <c r="R55" s="58">
        <v>362253.82355333341</v>
      </c>
      <c r="S55" s="58">
        <v>342250.68157333345</v>
      </c>
      <c r="T55" s="58">
        <v>335435.81233333342</v>
      </c>
      <c r="U55" s="58">
        <v>333195.25233333342</v>
      </c>
      <c r="V55" s="59">
        <v>333195.25233333342</v>
      </c>
    </row>
    <row r="56" spans="1:22">
      <c r="A56" s="60" t="s">
        <v>83</v>
      </c>
      <c r="B56" s="61"/>
      <c r="C56" s="63">
        <v>214834.15149075008</v>
      </c>
      <c r="D56" s="63">
        <v>281450.94149075006</v>
      </c>
      <c r="E56" s="63">
        <v>348067.7314907501</v>
      </c>
      <c r="F56" s="63">
        <v>414684.52149075014</v>
      </c>
      <c r="G56" s="63">
        <v>481301.31149075017</v>
      </c>
      <c r="H56" s="63">
        <v>333083.95000000007</v>
      </c>
      <c r="I56" s="63">
        <v>333083.95000000007</v>
      </c>
      <c r="J56" s="63">
        <v>333083.95000000007</v>
      </c>
      <c r="K56" s="63">
        <v>333083.95000000007</v>
      </c>
      <c r="L56" s="63">
        <v>333083.95000000007</v>
      </c>
      <c r="M56" s="63">
        <v>333083.95000000007</v>
      </c>
      <c r="N56" s="63">
        <v>333083.95000000007</v>
      </c>
      <c r="O56" s="63">
        <v>333083.95000000007</v>
      </c>
      <c r="P56" s="63">
        <v>333083.95000000007</v>
      </c>
      <c r="Q56" s="63">
        <v>333083.95000000007</v>
      </c>
      <c r="R56" s="63">
        <v>333083.95000000007</v>
      </c>
      <c r="S56" s="63">
        <v>333083.95000000007</v>
      </c>
      <c r="T56" s="63">
        <v>333083.95000000007</v>
      </c>
      <c r="U56" s="63">
        <v>333083.95000000007</v>
      </c>
      <c r="V56" s="64">
        <v>333083.95000000007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2688.16878</v>
      </c>
      <c r="D58" s="71">
        <v>42691.310759999993</v>
      </c>
      <c r="E58" s="71">
        <v>49506.179999999993</v>
      </c>
      <c r="F58" s="71">
        <v>51746.739999999991</v>
      </c>
      <c r="G58" s="71">
        <v>51746.739999999991</v>
      </c>
      <c r="H58" s="71">
        <v>29058.571219999998</v>
      </c>
      <c r="I58" s="71">
        <v>9055.4292399999995</v>
      </c>
      <c r="J58" s="71">
        <v>2240.56</v>
      </c>
      <c r="K58" s="71">
        <v>0</v>
      </c>
      <c r="L58" s="71">
        <v>11000</v>
      </c>
      <c r="M58" s="71">
        <v>27088.16878</v>
      </c>
      <c r="N58" s="71">
        <v>47091.310759999993</v>
      </c>
      <c r="O58" s="71">
        <v>53906.179999999993</v>
      </c>
      <c r="P58" s="71">
        <v>56146.739999999991</v>
      </c>
      <c r="Q58" s="71">
        <v>45146.739999999991</v>
      </c>
      <c r="R58" s="71">
        <v>29058.571219999998</v>
      </c>
      <c r="S58" s="71">
        <v>9055.4292399999995</v>
      </c>
      <c r="T58" s="71">
        <v>2240.56</v>
      </c>
      <c r="U58" s="71">
        <v>0</v>
      </c>
      <c r="V58" s="72">
        <v>0</v>
      </c>
    </row>
    <row r="88" spans="10:11" ht="12.75">
      <c r="J88" s="85"/>
      <c r="K88" s="103" t="s">
        <v>112</v>
      </c>
    </row>
  </sheetData>
  <pageMargins left="0.29218749999999999" right="0.17" top="0.19685039370078741" bottom="0.19685039370078741" header="0.31496062992125984" footer="0.15748031496062992"/>
  <pageSetup paperSize="9" scale="55" fitToWidth="2" orientation="landscape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>
  <sheetPr codeName="Plan12"/>
  <dimension ref="A1:V88"/>
  <sheetViews>
    <sheetView tabSelected="1" view="pageBreakPreview" topLeftCell="A16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4.75" customHeight="1">
      <c r="A1" s="82" t="s">
        <v>126</v>
      </c>
    </row>
    <row r="4" spans="1:22" ht="18">
      <c r="A4" s="82" t="s">
        <v>143</v>
      </c>
    </row>
    <row r="5" spans="1:22" ht="15.75">
      <c r="A5" s="87" t="s">
        <v>47</v>
      </c>
    </row>
    <row r="6" spans="1:22" ht="15.75">
      <c r="A6" s="80" t="s">
        <v>102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2">
        <v>14977.491223792033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9117.3430856593277</v>
      </c>
    </row>
    <row r="11" spans="1:22" ht="12.75">
      <c r="A11" s="91" t="s">
        <v>59</v>
      </c>
      <c r="B11" s="92"/>
      <c r="C11" s="99">
        <v>2241.2799317999998</v>
      </c>
    </row>
    <row r="12" spans="1:22" ht="12.75">
      <c r="A12" s="91" t="s">
        <v>60</v>
      </c>
      <c r="B12" s="92"/>
      <c r="C12" s="100">
        <v>6876.0631538593279</v>
      </c>
    </row>
    <row r="13" spans="1:22" ht="12.75">
      <c r="A13" s="91" t="s">
        <v>61</v>
      </c>
      <c r="B13" s="92"/>
      <c r="C13" s="99">
        <v>4006.7999999999997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73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1797298.946855044</v>
      </c>
      <c r="D17" s="40">
        <v>1797298.946855044</v>
      </c>
      <c r="E17" s="40">
        <v>1797298.946855044</v>
      </c>
      <c r="F17" s="40">
        <v>1797298.946855044</v>
      </c>
      <c r="G17" s="40">
        <v>1797298.946855044</v>
      </c>
      <c r="H17" s="40">
        <v>1797298.946855044</v>
      </c>
      <c r="I17" s="40">
        <v>1797298.946855044</v>
      </c>
      <c r="J17" s="40">
        <v>1797298.946855044</v>
      </c>
      <c r="K17" s="40">
        <v>1797298.946855044</v>
      </c>
      <c r="L17" s="40">
        <v>1797298.946855044</v>
      </c>
      <c r="M17" s="40">
        <v>1797298.946855044</v>
      </c>
      <c r="N17" s="40">
        <v>1797298.946855044</v>
      </c>
      <c r="O17" s="40">
        <v>1797298.946855044</v>
      </c>
      <c r="P17" s="40">
        <v>1797298.946855044</v>
      </c>
      <c r="Q17" s="40">
        <v>1797298.946855044</v>
      </c>
      <c r="R17" s="40">
        <v>1797298.946855044</v>
      </c>
      <c r="S17" s="40">
        <v>1797298.946855044</v>
      </c>
      <c r="T17" s="40">
        <v>1797298.946855044</v>
      </c>
      <c r="U17" s="40">
        <v>1797298.946855044</v>
      </c>
      <c r="V17" s="40">
        <v>1797298.946855044</v>
      </c>
    </row>
    <row r="18" spans="1:22">
      <c r="A18" s="43" t="s">
        <v>64</v>
      </c>
      <c r="B18" s="43"/>
      <c r="C18" s="44">
        <v>35945.978937100881</v>
      </c>
      <c r="D18" s="44">
        <v>35945.978937100881</v>
      </c>
      <c r="E18" s="44">
        <v>35945.978937100881</v>
      </c>
      <c r="F18" s="44">
        <v>35945.978937100881</v>
      </c>
      <c r="G18" s="44">
        <v>35945.978937100881</v>
      </c>
      <c r="H18" s="44">
        <v>35945.978937100881</v>
      </c>
      <c r="I18" s="44">
        <v>35945.978937100881</v>
      </c>
      <c r="J18" s="44">
        <v>35945.978937100881</v>
      </c>
      <c r="K18" s="44">
        <v>35945.978937100881</v>
      </c>
      <c r="L18" s="44">
        <v>35945.978937100881</v>
      </c>
      <c r="M18" s="44">
        <v>35945.978937100881</v>
      </c>
      <c r="N18" s="44">
        <v>35945.978937100881</v>
      </c>
      <c r="O18" s="44">
        <v>35945.978937100881</v>
      </c>
      <c r="P18" s="44">
        <v>35945.978937100881</v>
      </c>
      <c r="Q18" s="44">
        <v>35945.978937100881</v>
      </c>
      <c r="R18" s="44">
        <v>35945.978937100881</v>
      </c>
      <c r="S18" s="44">
        <v>35945.978937100881</v>
      </c>
      <c r="T18" s="44">
        <v>35945.978937100881</v>
      </c>
      <c r="U18" s="44">
        <v>35945.978937100881</v>
      </c>
      <c r="V18" s="44">
        <v>35945.978937100881</v>
      </c>
    </row>
    <row r="19" spans="1:22">
      <c r="A19" s="39" t="s">
        <v>65</v>
      </c>
      <c r="B19" s="39"/>
      <c r="C19" s="45">
        <v>1761352.9679179431</v>
      </c>
      <c r="D19" s="45">
        <v>1761352.9679179431</v>
      </c>
      <c r="E19" s="45">
        <v>1761352.9679179431</v>
      </c>
      <c r="F19" s="45">
        <v>1761352.9679179431</v>
      </c>
      <c r="G19" s="45">
        <v>1761352.9679179431</v>
      </c>
      <c r="H19" s="45">
        <v>1761352.9679179431</v>
      </c>
      <c r="I19" s="45">
        <v>1761352.9679179431</v>
      </c>
      <c r="J19" s="45">
        <v>1761352.9679179431</v>
      </c>
      <c r="K19" s="45">
        <v>1761352.9679179431</v>
      </c>
      <c r="L19" s="45">
        <v>1761352.9679179431</v>
      </c>
      <c r="M19" s="45">
        <v>1761352.9679179431</v>
      </c>
      <c r="N19" s="45">
        <v>1761352.9679179431</v>
      </c>
      <c r="O19" s="45">
        <v>1761352.9679179431</v>
      </c>
      <c r="P19" s="45">
        <v>1761352.9679179431</v>
      </c>
      <c r="Q19" s="45">
        <v>1761352.9679179431</v>
      </c>
      <c r="R19" s="45">
        <v>1761352.9679179431</v>
      </c>
      <c r="S19" s="45">
        <v>1761352.9679179431</v>
      </c>
      <c r="T19" s="45">
        <v>1761352.9679179431</v>
      </c>
      <c r="U19" s="45">
        <v>1761352.9679179431</v>
      </c>
      <c r="V19" s="45">
        <v>1761352.9679179431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1141152.3702791191</v>
      </c>
      <c r="D21" s="44">
        <v>1141152.3702791191</v>
      </c>
      <c r="E21" s="44">
        <v>1141152.3702791191</v>
      </c>
      <c r="F21" s="44">
        <v>1148555.1702791192</v>
      </c>
      <c r="G21" s="44">
        <v>1148555.1702791192</v>
      </c>
      <c r="H21" s="44">
        <v>1148555.1702791192</v>
      </c>
      <c r="I21" s="44">
        <v>1148555.1702791192</v>
      </c>
      <c r="J21" s="44">
        <v>1148555.1702791192</v>
      </c>
      <c r="K21" s="44">
        <v>1148555.1702791192</v>
      </c>
      <c r="L21" s="44">
        <v>1148555.1702791192</v>
      </c>
      <c r="M21" s="46">
        <v>1141152.3702791191</v>
      </c>
      <c r="N21" s="46">
        <v>1141152.3702791191</v>
      </c>
      <c r="O21" s="46">
        <v>1141152.3702791191</v>
      </c>
      <c r="P21" s="46">
        <v>1148555.1702791192</v>
      </c>
      <c r="Q21" s="46">
        <v>1148555.1702791192</v>
      </c>
      <c r="R21" s="46">
        <v>1148555.1702791192</v>
      </c>
      <c r="S21" s="46">
        <v>1148555.1702791192</v>
      </c>
      <c r="T21" s="46">
        <v>1148555.1702791192</v>
      </c>
      <c r="U21" s="46">
        <v>1148555.1702791192</v>
      </c>
      <c r="V21" s="46">
        <v>1148555.1702791192</v>
      </c>
    </row>
    <row r="22" spans="1:22">
      <c r="A22" s="39"/>
      <c r="B22" s="39"/>
      <c r="C22" s="39"/>
      <c r="D22" s="39"/>
      <c r="E22" s="39"/>
      <c r="F22" s="39"/>
      <c r="G22" s="40"/>
      <c r="H22" s="45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40">
        <v>250552.24646398335</v>
      </c>
      <c r="D23" s="40">
        <v>342249.54720398335</v>
      </c>
      <c r="E23" s="40">
        <v>421833.29368398339</v>
      </c>
      <c r="F23" s="40">
        <v>494696.51168398338</v>
      </c>
      <c r="G23" s="40">
        <v>565319.16968398332</v>
      </c>
      <c r="H23" s="40">
        <v>385500.88355333335</v>
      </c>
      <c r="I23" s="40">
        <v>364426.24081333331</v>
      </c>
      <c r="J23" s="40">
        <v>355465.15233333333</v>
      </c>
      <c r="K23" s="40">
        <v>353224.59233333333</v>
      </c>
      <c r="L23" s="40">
        <v>364224.59233333333</v>
      </c>
      <c r="M23" s="40">
        <v>380312.76111333334</v>
      </c>
      <c r="N23" s="40">
        <v>401387.40385333332</v>
      </c>
      <c r="O23" s="40">
        <v>410348.49233333336</v>
      </c>
      <c r="P23" s="40">
        <v>412589.0523333333</v>
      </c>
      <c r="Q23" s="40">
        <v>401589.0523333333</v>
      </c>
      <c r="R23" s="40">
        <v>385500.88355333335</v>
      </c>
      <c r="S23" s="40">
        <v>364426.24081333331</v>
      </c>
      <c r="T23" s="40">
        <v>355465.15233333333</v>
      </c>
      <c r="U23" s="40">
        <v>353224.59233333333</v>
      </c>
      <c r="V23" s="40">
        <v>353224.59233333333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369648.3511748407</v>
      </c>
      <c r="D25" s="46">
        <v>277951.05043484067</v>
      </c>
      <c r="E25" s="46">
        <v>198367.30395484064</v>
      </c>
      <c r="F25" s="46">
        <v>118101.2859548406</v>
      </c>
      <c r="G25" s="46">
        <v>47478.62795484066</v>
      </c>
      <c r="H25" s="46">
        <v>227296.91408549063</v>
      </c>
      <c r="I25" s="46">
        <v>248371.55682549067</v>
      </c>
      <c r="J25" s="46">
        <v>257332.64530549065</v>
      </c>
      <c r="K25" s="46">
        <v>259573.20530549064</v>
      </c>
      <c r="L25" s="46">
        <v>248573.20530549064</v>
      </c>
      <c r="M25" s="46">
        <v>239887.83652549068</v>
      </c>
      <c r="N25" s="46">
        <v>218813.1937854907</v>
      </c>
      <c r="O25" s="46">
        <v>209852.10530549067</v>
      </c>
      <c r="P25" s="46">
        <v>200208.74530549068</v>
      </c>
      <c r="Q25" s="46">
        <v>211208.74530549068</v>
      </c>
      <c r="R25" s="46">
        <v>227296.91408549063</v>
      </c>
      <c r="S25" s="46">
        <v>248371.55682549067</v>
      </c>
      <c r="T25" s="46">
        <v>257332.64530549065</v>
      </c>
      <c r="U25" s="46">
        <v>259573.20530549064</v>
      </c>
      <c r="V25" s="46">
        <v>259573.20530549064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125680.43939944585</v>
      </c>
      <c r="D27" s="40">
        <v>94503.357147845833</v>
      </c>
      <c r="E27" s="40">
        <v>67444.883344645816</v>
      </c>
      <c r="F27" s="40">
        <v>40154.437224645808</v>
      </c>
      <c r="G27" s="40">
        <v>16142.733504645825</v>
      </c>
      <c r="H27" s="40">
        <v>77280.950789066817</v>
      </c>
      <c r="I27" s="40">
        <v>84446.329320666831</v>
      </c>
      <c r="J27" s="40">
        <v>87493.099403866829</v>
      </c>
      <c r="K27" s="40">
        <v>88254.889803866827</v>
      </c>
      <c r="L27" s="40">
        <v>84514.889803866827</v>
      </c>
      <c r="M27" s="40">
        <v>81561.864418666839</v>
      </c>
      <c r="N27" s="40">
        <v>74396.485887066839</v>
      </c>
      <c r="O27" s="40">
        <v>71349.715803866828</v>
      </c>
      <c r="P27" s="40">
        <v>68070.973403866839</v>
      </c>
      <c r="Q27" s="40">
        <v>71810.973403866839</v>
      </c>
      <c r="R27" s="40">
        <v>77280.950789066817</v>
      </c>
      <c r="S27" s="40">
        <v>84446.329320666831</v>
      </c>
      <c r="T27" s="40">
        <v>87493.099403866829</v>
      </c>
      <c r="U27" s="40">
        <v>88254.889803866827</v>
      </c>
      <c r="V27" s="40">
        <v>88254.889803866827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243967.91177539487</v>
      </c>
      <c r="D29" s="46">
        <v>183447.69328699482</v>
      </c>
      <c r="E29" s="46">
        <v>130922.42061019482</v>
      </c>
      <c r="F29" s="46">
        <v>77946.84873019479</v>
      </c>
      <c r="G29" s="46">
        <v>31335.894450194835</v>
      </c>
      <c r="H29" s="46">
        <v>150015.96329642381</v>
      </c>
      <c r="I29" s="46">
        <v>163925.22750482382</v>
      </c>
      <c r="J29" s="46">
        <v>169839.54590162382</v>
      </c>
      <c r="K29" s="46">
        <v>171318.31550162382</v>
      </c>
      <c r="L29" s="46">
        <v>164058.31550162382</v>
      </c>
      <c r="M29" s="46">
        <v>158325.97210682384</v>
      </c>
      <c r="N29" s="46">
        <v>144416.70789842386</v>
      </c>
      <c r="O29" s="46">
        <v>138502.38950162384</v>
      </c>
      <c r="P29" s="46">
        <v>132137.77190162384</v>
      </c>
      <c r="Q29" s="46">
        <v>139397.77190162384</v>
      </c>
      <c r="R29" s="46">
        <v>150015.96329642381</v>
      </c>
      <c r="S29" s="46">
        <v>163925.22750482382</v>
      </c>
      <c r="T29" s="46">
        <v>169839.54590162382</v>
      </c>
      <c r="U29" s="46">
        <v>171318.31550162382</v>
      </c>
      <c r="V29" s="46">
        <v>171318.31550162382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250552.24646398335</v>
      </c>
      <c r="D31" s="40">
        <v>342249.54720398335</v>
      </c>
      <c r="E31" s="40">
        <v>421833.29368398339</v>
      </c>
      <c r="F31" s="40">
        <v>494696.51168398338</v>
      </c>
      <c r="G31" s="40">
        <v>565319.16968398332</v>
      </c>
      <c r="H31" s="40">
        <v>385500.88355333335</v>
      </c>
      <c r="I31" s="40">
        <v>364426.24081333331</v>
      </c>
      <c r="J31" s="40">
        <v>355465.15233333333</v>
      </c>
      <c r="K31" s="40">
        <v>353224.59233333333</v>
      </c>
      <c r="L31" s="40">
        <v>364224.59233333333</v>
      </c>
      <c r="M31" s="40">
        <v>380312.76111333334</v>
      </c>
      <c r="N31" s="40">
        <v>401387.40385333332</v>
      </c>
      <c r="O31" s="40">
        <v>410348.49233333336</v>
      </c>
      <c r="P31" s="40">
        <v>412589.0523333333</v>
      </c>
      <c r="Q31" s="40">
        <v>401589.0523333333</v>
      </c>
      <c r="R31" s="40">
        <v>385500.88355333335</v>
      </c>
      <c r="S31" s="40">
        <v>364426.24081333331</v>
      </c>
      <c r="T31" s="40">
        <v>355465.15233333333</v>
      </c>
      <c r="U31" s="40">
        <v>353224.59233333333</v>
      </c>
      <c r="V31" s="40">
        <v>353224.59233333333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494520.15823937824</v>
      </c>
      <c r="D33" s="46">
        <v>525697.24049097812</v>
      </c>
      <c r="E33" s="46">
        <v>552755.71429417818</v>
      </c>
      <c r="F33" s="46">
        <v>572643.36041417811</v>
      </c>
      <c r="G33" s="46">
        <v>596655.0641341781</v>
      </c>
      <c r="H33" s="46">
        <v>535516.84684975713</v>
      </c>
      <c r="I33" s="46">
        <v>528351.46831815713</v>
      </c>
      <c r="J33" s="46">
        <v>525304.69823495718</v>
      </c>
      <c r="K33" s="46">
        <v>524542.90783495712</v>
      </c>
      <c r="L33" s="46">
        <v>528282.90783495712</v>
      </c>
      <c r="M33" s="46">
        <v>538638.73322015721</v>
      </c>
      <c r="N33" s="46">
        <v>545804.11175175721</v>
      </c>
      <c r="O33" s="46">
        <v>548850.88183495717</v>
      </c>
      <c r="P33" s="46">
        <v>544726.82423495711</v>
      </c>
      <c r="Q33" s="46">
        <v>540986.82423495711</v>
      </c>
      <c r="R33" s="46">
        <v>535516.84684975713</v>
      </c>
      <c r="S33" s="46">
        <v>528351.46831815713</v>
      </c>
      <c r="T33" s="46">
        <v>525304.69823495718</v>
      </c>
      <c r="U33" s="46">
        <v>524542.90783495712</v>
      </c>
      <c r="V33" s="46">
        <v>524542.90783495712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1571754.1599213991</v>
      </c>
      <c r="C35" s="45">
        <v>433554.13389999996</v>
      </c>
      <c r="D35" s="45">
        <v>458486.5037</v>
      </c>
      <c r="E35" s="45">
        <v>397918.73239999998</v>
      </c>
      <c r="F35" s="45">
        <v>364316.08999999997</v>
      </c>
      <c r="G35" s="45">
        <v>353113.29</v>
      </c>
      <c r="H35" s="45">
        <v>353113.29</v>
      </c>
      <c r="I35" s="45">
        <v>353113.29</v>
      </c>
      <c r="J35" s="45">
        <v>353113.29</v>
      </c>
      <c r="K35" s="45">
        <v>353113.29</v>
      </c>
      <c r="L35" s="45">
        <v>408113.29</v>
      </c>
      <c r="M35" s="45">
        <v>433554.13389999996</v>
      </c>
      <c r="N35" s="45">
        <v>458486.5037</v>
      </c>
      <c r="O35" s="45">
        <v>397918.73239999998</v>
      </c>
      <c r="P35" s="45">
        <v>364316.08999999997</v>
      </c>
      <c r="Q35" s="45">
        <v>353113.29</v>
      </c>
      <c r="R35" s="45">
        <v>353113.29</v>
      </c>
      <c r="S35" s="45">
        <v>353113.29</v>
      </c>
      <c r="T35" s="45">
        <v>353113.29</v>
      </c>
      <c r="U35" s="45">
        <v>353113.29</v>
      </c>
      <c r="V35" s="45">
        <v>337481.06574960111</v>
      </c>
    </row>
    <row r="36" spans="1:22">
      <c r="A36" s="47" t="s">
        <v>74</v>
      </c>
      <c r="B36" s="46">
        <v>1518351.8356710002</v>
      </c>
      <c r="C36" s="46">
        <v>353113.29</v>
      </c>
      <c r="D36" s="46">
        <v>353113.29</v>
      </c>
      <c r="E36" s="46">
        <v>353113.29</v>
      </c>
      <c r="F36" s="46">
        <v>353113.29</v>
      </c>
      <c r="G36" s="46">
        <v>353113.29</v>
      </c>
      <c r="H36" s="46">
        <v>353113.29</v>
      </c>
      <c r="I36" s="46">
        <v>353113.29</v>
      </c>
      <c r="J36" s="46">
        <v>353113.29</v>
      </c>
      <c r="K36" s="46">
        <v>353113.29</v>
      </c>
      <c r="L36" s="46">
        <v>353113.29</v>
      </c>
      <c r="M36" s="46">
        <v>353113.29</v>
      </c>
      <c r="N36" s="46">
        <v>353113.29</v>
      </c>
      <c r="O36" s="46">
        <v>353113.29</v>
      </c>
      <c r="P36" s="46">
        <v>353113.29</v>
      </c>
      <c r="Q36" s="46">
        <v>353113.29</v>
      </c>
      <c r="R36" s="46">
        <v>353113.29</v>
      </c>
      <c r="S36" s="46">
        <v>353113.29</v>
      </c>
      <c r="T36" s="46">
        <v>353113.29</v>
      </c>
      <c r="U36" s="46">
        <v>353113.29</v>
      </c>
      <c r="V36" s="46">
        <v>353113.29</v>
      </c>
    </row>
    <row r="37" spans="1:22">
      <c r="A37" s="48" t="s">
        <v>75</v>
      </c>
      <c r="B37" s="40">
        <v>33000</v>
      </c>
      <c r="C37" s="40">
        <v>80440.843899999993</v>
      </c>
      <c r="D37" s="40">
        <v>105373.21369999999</v>
      </c>
      <c r="E37" s="40">
        <v>44805.4424</v>
      </c>
      <c r="F37" s="40">
        <v>11202.8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55000</v>
      </c>
      <c r="M37" s="40">
        <v>80440.843899999993</v>
      </c>
      <c r="N37" s="40">
        <v>105373.21369999999</v>
      </c>
      <c r="O37" s="40">
        <v>44805.4424</v>
      </c>
      <c r="P37" s="40">
        <v>11202.8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9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15632.224250398893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15632.224250398893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15007.314824999999</v>
      </c>
      <c r="D41" s="44">
        <v>15007.314824999999</v>
      </c>
      <c r="E41" s="44">
        <v>15007.314824999999</v>
      </c>
      <c r="F41" s="44">
        <v>15007.314824999999</v>
      </c>
      <c r="G41" s="44">
        <v>15007.314824999999</v>
      </c>
      <c r="H41" s="44">
        <v>15007.314824999999</v>
      </c>
      <c r="I41" s="44">
        <v>15007.314824999999</v>
      </c>
      <c r="J41" s="44">
        <v>15007.314824999999</v>
      </c>
      <c r="K41" s="44">
        <v>15007.314824999999</v>
      </c>
      <c r="L41" s="44">
        <v>15007.314824999999</v>
      </c>
      <c r="M41" s="44">
        <v>15007.314824999999</v>
      </c>
      <c r="N41" s="44">
        <v>15007.314824999999</v>
      </c>
      <c r="O41" s="44">
        <v>15007.314824999999</v>
      </c>
      <c r="P41" s="44">
        <v>15007.314824999999</v>
      </c>
      <c r="Q41" s="44">
        <v>15007.314824999999</v>
      </c>
      <c r="R41" s="44">
        <v>15007.314824999999</v>
      </c>
      <c r="S41" s="44">
        <v>15007.314824999999</v>
      </c>
      <c r="T41" s="44">
        <v>15007.314824999999</v>
      </c>
      <c r="U41" s="44">
        <v>15007.314824999999</v>
      </c>
      <c r="V41" s="44">
        <v>1023011.4468036834</v>
      </c>
    </row>
    <row r="42" spans="1:22">
      <c r="A42" s="39" t="s">
        <v>79</v>
      </c>
      <c r="B42" s="39"/>
      <c r="C42" s="45">
        <v>15007.314824999999</v>
      </c>
      <c r="D42" s="45">
        <v>15007.314824999999</v>
      </c>
      <c r="E42" s="45">
        <v>15007.314824999999</v>
      </c>
      <c r="F42" s="45">
        <v>15007.314824999999</v>
      </c>
      <c r="G42" s="45">
        <v>15007.314824999999</v>
      </c>
      <c r="H42" s="45">
        <v>15007.314824999999</v>
      </c>
      <c r="I42" s="45">
        <v>15007.314824999999</v>
      </c>
      <c r="J42" s="45">
        <v>15007.314824999999</v>
      </c>
      <c r="K42" s="45">
        <v>15007.314824999999</v>
      </c>
      <c r="L42" s="45">
        <v>15007.314824999999</v>
      </c>
      <c r="M42" s="45">
        <v>15007.314824999999</v>
      </c>
      <c r="N42" s="45">
        <v>15007.314824999999</v>
      </c>
      <c r="O42" s="45">
        <v>15007.314824999999</v>
      </c>
      <c r="P42" s="45">
        <v>15007.314824999999</v>
      </c>
      <c r="Q42" s="45">
        <v>15007.314824999999</v>
      </c>
      <c r="R42" s="45">
        <v>15007.314824999999</v>
      </c>
      <c r="S42" s="45">
        <v>15007.314824999999</v>
      </c>
      <c r="T42" s="45">
        <v>15007.314824999999</v>
      </c>
      <c r="U42" s="45">
        <v>15007.314824999999</v>
      </c>
      <c r="V42" s="45">
        <v>1020467.3934703501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3">
        <v>0</v>
      </c>
      <c r="M43" s="43">
        <v>0</v>
      </c>
      <c r="N43" s="43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1571754.1599213991</v>
      </c>
      <c r="C45" s="51">
        <v>75973.339164378282</v>
      </c>
      <c r="D45" s="51">
        <v>82218.051615978111</v>
      </c>
      <c r="E45" s="51">
        <v>169844.29671917821</v>
      </c>
      <c r="F45" s="51">
        <v>223334.58523917815</v>
      </c>
      <c r="G45" s="51">
        <v>258549.08895917813</v>
      </c>
      <c r="H45" s="51">
        <v>197410.87167475716</v>
      </c>
      <c r="I45" s="51">
        <v>190245.49314315716</v>
      </c>
      <c r="J45" s="51">
        <v>187198.72305995721</v>
      </c>
      <c r="K45" s="51">
        <v>186436.93265995715</v>
      </c>
      <c r="L45" s="51">
        <v>135176.93265995715</v>
      </c>
      <c r="M45" s="51">
        <v>120091.91414515725</v>
      </c>
      <c r="N45" s="51">
        <v>102324.92287675721</v>
      </c>
      <c r="O45" s="51">
        <v>165939.4642599572</v>
      </c>
      <c r="P45" s="51">
        <v>195418.04905995715</v>
      </c>
      <c r="Q45" s="51">
        <v>202880.84905995714</v>
      </c>
      <c r="R45" s="51">
        <v>197410.87167475716</v>
      </c>
      <c r="S45" s="51">
        <v>190245.49314315716</v>
      </c>
      <c r="T45" s="51">
        <v>187198.72305995721</v>
      </c>
      <c r="U45" s="51">
        <v>186436.93265995715</v>
      </c>
      <c r="V45" s="51">
        <v>1210073.2888890393</v>
      </c>
    </row>
    <row r="46" spans="1:22">
      <c r="A46" s="39"/>
      <c r="B46" s="39"/>
      <c r="C46" s="39"/>
      <c r="D46" s="39"/>
      <c r="E46" s="39"/>
      <c r="F46" s="39"/>
      <c r="G46" s="39"/>
      <c r="H46" s="39"/>
      <c r="I46" s="39"/>
      <c r="J46" s="39"/>
      <c r="K46" s="39"/>
      <c r="L46" s="39"/>
      <c r="M46" s="39"/>
      <c r="N46" s="39"/>
      <c r="O46" s="39"/>
      <c r="P46" s="39"/>
      <c r="Q46" s="39"/>
      <c r="R46" s="39"/>
      <c r="S46" s="39"/>
      <c r="T46" s="39"/>
      <c r="U46" s="39"/>
      <c r="V46" s="39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250552.24646398335</v>
      </c>
      <c r="D55" s="58">
        <v>342249.54720398335</v>
      </c>
      <c r="E55" s="58">
        <v>421833.29368398339</v>
      </c>
      <c r="F55" s="58">
        <v>494696.51168398338</v>
      </c>
      <c r="G55" s="58">
        <v>565319.16968398332</v>
      </c>
      <c r="H55" s="58">
        <v>385500.88355333335</v>
      </c>
      <c r="I55" s="58">
        <v>364426.24081333331</v>
      </c>
      <c r="J55" s="58">
        <v>355465.15233333333</v>
      </c>
      <c r="K55" s="58">
        <v>353224.59233333333</v>
      </c>
      <c r="L55" s="58">
        <v>364224.59233333333</v>
      </c>
      <c r="M55" s="58">
        <v>380312.76111333334</v>
      </c>
      <c r="N55" s="58">
        <v>401387.40385333332</v>
      </c>
      <c r="O55" s="58">
        <v>410348.49233333336</v>
      </c>
      <c r="P55" s="58">
        <v>412589.0523333333</v>
      </c>
      <c r="Q55" s="58">
        <v>401589.0523333333</v>
      </c>
      <c r="R55" s="58">
        <v>385500.88355333335</v>
      </c>
      <c r="S55" s="58">
        <v>364426.24081333331</v>
      </c>
      <c r="T55" s="58">
        <v>355465.15233333333</v>
      </c>
      <c r="U55" s="58">
        <v>353224.59233333333</v>
      </c>
      <c r="V55" s="59">
        <v>353224.59233333333</v>
      </c>
    </row>
    <row r="56" spans="1:22">
      <c r="A56" s="60" t="s">
        <v>83</v>
      </c>
      <c r="B56" s="61"/>
      <c r="C56" s="63">
        <v>227752.77535065002</v>
      </c>
      <c r="D56" s="63">
        <v>298375.43335065001</v>
      </c>
      <c r="E56" s="63">
        <v>368998.09135065001</v>
      </c>
      <c r="F56" s="63">
        <v>439620.74935065</v>
      </c>
      <c r="G56" s="63">
        <v>510243.40735065</v>
      </c>
      <c r="H56" s="63">
        <v>353113.29</v>
      </c>
      <c r="I56" s="63">
        <v>353113.29</v>
      </c>
      <c r="J56" s="63">
        <v>353113.29</v>
      </c>
      <c r="K56" s="63">
        <v>353113.29</v>
      </c>
      <c r="L56" s="63">
        <v>353113.29</v>
      </c>
      <c r="M56" s="63">
        <v>353113.29</v>
      </c>
      <c r="N56" s="63">
        <v>353113.29</v>
      </c>
      <c r="O56" s="63">
        <v>353113.29</v>
      </c>
      <c r="P56" s="63">
        <v>353113.29</v>
      </c>
      <c r="Q56" s="63">
        <v>353113.29</v>
      </c>
      <c r="R56" s="63">
        <v>353113.29</v>
      </c>
      <c r="S56" s="63">
        <v>353113.29</v>
      </c>
      <c r="T56" s="63">
        <v>353113.29</v>
      </c>
      <c r="U56" s="63">
        <v>353113.29</v>
      </c>
      <c r="V56" s="64">
        <v>353113.29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2688.16878</v>
      </c>
      <c r="D58" s="71">
        <v>43762.811520000003</v>
      </c>
      <c r="E58" s="71">
        <v>52723.9</v>
      </c>
      <c r="F58" s="71">
        <v>54964.46</v>
      </c>
      <c r="G58" s="71">
        <v>54964.46</v>
      </c>
      <c r="H58" s="71">
        <v>32276.291220000003</v>
      </c>
      <c r="I58" s="71">
        <v>11201.64848</v>
      </c>
      <c r="J58" s="71">
        <v>2240.56</v>
      </c>
      <c r="K58" s="71">
        <v>0</v>
      </c>
      <c r="L58" s="71">
        <v>11000</v>
      </c>
      <c r="M58" s="71">
        <v>27088.16878</v>
      </c>
      <c r="N58" s="71">
        <v>48162.811520000003</v>
      </c>
      <c r="O58" s="71">
        <v>57123.899999999994</v>
      </c>
      <c r="P58" s="71">
        <v>59364.459999999992</v>
      </c>
      <c r="Q58" s="71">
        <v>48364.459999999992</v>
      </c>
      <c r="R58" s="71">
        <v>32276.291219999999</v>
      </c>
      <c r="S58" s="71">
        <v>11201.64848</v>
      </c>
      <c r="T58" s="71">
        <v>2240.56</v>
      </c>
      <c r="U58" s="71">
        <v>0</v>
      </c>
      <c r="V58" s="72">
        <v>0</v>
      </c>
    </row>
    <row r="88" spans="10:11" ht="12.75">
      <c r="J88" s="85"/>
      <c r="K88" s="103" t="s">
        <v>113</v>
      </c>
    </row>
  </sheetData>
  <pageMargins left="0.19685039370078741" right="0.19685039370078741" top="0.19685039370078741" bottom="0.19685039370078741" header="0.31496062992125984" footer="1.38"/>
  <pageSetup paperSize="9" scale="55" fitToWidth="2" orientation="landscape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>
  <sheetPr codeName="Plan14"/>
  <dimension ref="A1:V91"/>
  <sheetViews>
    <sheetView tabSelected="1" view="pageBreakPreview" topLeftCell="A13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.71093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22.5" customHeight="1">
      <c r="A1" s="82" t="s">
        <v>127</v>
      </c>
    </row>
    <row r="4" spans="1:22" ht="18">
      <c r="A4" s="82" t="s">
        <v>143</v>
      </c>
    </row>
    <row r="5" spans="1:22" ht="15.75">
      <c r="A5" s="87" t="s">
        <v>48</v>
      </c>
    </row>
    <row r="6" spans="1:22" ht="15.75">
      <c r="A6" s="87" t="s">
        <v>102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2">
        <v>18489.27530324852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10312.684383859329</v>
      </c>
    </row>
    <row r="11" spans="1:22" ht="12.75">
      <c r="A11" s="91" t="s">
        <v>59</v>
      </c>
      <c r="B11" s="92"/>
      <c r="C11" s="99">
        <v>3436.6212300000002</v>
      </c>
    </row>
    <row r="12" spans="1:22" ht="12.75">
      <c r="A12" s="91" t="s">
        <v>60</v>
      </c>
      <c r="B12" s="92"/>
      <c r="C12" s="100">
        <v>6876.0631538593279</v>
      </c>
    </row>
    <row r="13" spans="1:22" ht="12.75">
      <c r="A13" s="91" t="s">
        <v>61</v>
      </c>
      <c r="B13" s="92"/>
      <c r="C13" s="99">
        <v>4006.7999999999997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73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2218713.0363898221</v>
      </c>
      <c r="D17" s="40">
        <v>2218713.0363898221</v>
      </c>
      <c r="E17" s="40">
        <v>2218713.0363898221</v>
      </c>
      <c r="F17" s="40">
        <v>2218713.0363898221</v>
      </c>
      <c r="G17" s="40">
        <v>2218713.0363898221</v>
      </c>
      <c r="H17" s="40">
        <v>2218713.0363898221</v>
      </c>
      <c r="I17" s="40">
        <v>2218713.0363898221</v>
      </c>
      <c r="J17" s="40">
        <v>2218713.0363898221</v>
      </c>
      <c r="K17" s="40">
        <v>2218713.0363898221</v>
      </c>
      <c r="L17" s="40">
        <v>2218713.0363898221</v>
      </c>
      <c r="M17" s="40">
        <v>2218713.0363898221</v>
      </c>
      <c r="N17" s="40">
        <v>2218713.0363898221</v>
      </c>
      <c r="O17" s="40">
        <v>2218713.0363898221</v>
      </c>
      <c r="P17" s="40">
        <v>2218713.0363898221</v>
      </c>
      <c r="Q17" s="40">
        <v>2218713.0363898221</v>
      </c>
      <c r="R17" s="40">
        <v>2218713.0363898221</v>
      </c>
      <c r="S17" s="40">
        <v>2218713.0363898221</v>
      </c>
      <c r="T17" s="40">
        <v>2218713.0363898221</v>
      </c>
      <c r="U17" s="40">
        <v>2218713.0363898221</v>
      </c>
      <c r="V17" s="40">
        <v>2218713.0363898221</v>
      </c>
    </row>
    <row r="18" spans="1:22">
      <c r="A18" s="43" t="s">
        <v>64</v>
      </c>
      <c r="B18" s="43"/>
      <c r="C18" s="44">
        <v>44374.260727796442</v>
      </c>
      <c r="D18" s="44">
        <v>44374.260727796442</v>
      </c>
      <c r="E18" s="44">
        <v>44374.260727796442</v>
      </c>
      <c r="F18" s="44">
        <v>44374.260727796442</v>
      </c>
      <c r="G18" s="44">
        <v>44374.260727796442</v>
      </c>
      <c r="H18" s="44">
        <v>44374.260727796442</v>
      </c>
      <c r="I18" s="44">
        <v>44374.260727796442</v>
      </c>
      <c r="J18" s="44">
        <v>44374.260727796442</v>
      </c>
      <c r="K18" s="44">
        <v>44374.260727796442</v>
      </c>
      <c r="L18" s="44">
        <v>44374.260727796442</v>
      </c>
      <c r="M18" s="44">
        <v>44374.260727796442</v>
      </c>
      <c r="N18" s="44">
        <v>44374.260727796442</v>
      </c>
      <c r="O18" s="44">
        <v>44374.260727796442</v>
      </c>
      <c r="P18" s="44">
        <v>44374.260727796442</v>
      </c>
      <c r="Q18" s="44">
        <v>44374.260727796442</v>
      </c>
      <c r="R18" s="44">
        <v>44374.260727796442</v>
      </c>
      <c r="S18" s="44">
        <v>44374.260727796442</v>
      </c>
      <c r="T18" s="44">
        <v>44374.260727796442</v>
      </c>
      <c r="U18" s="44">
        <v>44374.260727796442</v>
      </c>
      <c r="V18" s="44">
        <v>44374.260727796442</v>
      </c>
    </row>
    <row r="19" spans="1:22">
      <c r="A19" s="39" t="s">
        <v>65</v>
      </c>
      <c r="B19" s="39"/>
      <c r="C19" s="45">
        <v>2174338.7756620259</v>
      </c>
      <c r="D19" s="45">
        <v>2174338.7756620259</v>
      </c>
      <c r="E19" s="45">
        <v>2174338.7756620259</v>
      </c>
      <c r="F19" s="45">
        <v>2174338.7756620259</v>
      </c>
      <c r="G19" s="45">
        <v>2174338.7756620259</v>
      </c>
      <c r="H19" s="45">
        <v>2174338.7756620259</v>
      </c>
      <c r="I19" s="45">
        <v>2174338.7756620259</v>
      </c>
      <c r="J19" s="45">
        <v>2174338.7756620259</v>
      </c>
      <c r="K19" s="45">
        <v>2174338.7756620259</v>
      </c>
      <c r="L19" s="45">
        <v>2174338.7756620259</v>
      </c>
      <c r="M19" s="45">
        <v>2174338.7756620259</v>
      </c>
      <c r="N19" s="45">
        <v>2174338.7756620259</v>
      </c>
      <c r="O19" s="45">
        <v>2174338.7756620259</v>
      </c>
      <c r="P19" s="45">
        <v>2174338.7756620259</v>
      </c>
      <c r="Q19" s="45">
        <v>2174338.7756620259</v>
      </c>
      <c r="R19" s="45">
        <v>2174338.7756620259</v>
      </c>
      <c r="S19" s="45">
        <v>2174338.7756620259</v>
      </c>
      <c r="T19" s="45">
        <v>2174338.7756620259</v>
      </c>
      <c r="U19" s="45">
        <v>2174338.7756620259</v>
      </c>
      <c r="V19" s="45">
        <v>2174338.7756620259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1284593.3260631193</v>
      </c>
      <c r="D21" s="44">
        <v>1284593.3260631193</v>
      </c>
      <c r="E21" s="44">
        <v>1284593.3260631193</v>
      </c>
      <c r="F21" s="44">
        <v>1291996.1260631194</v>
      </c>
      <c r="G21" s="44">
        <v>1291996.1260631194</v>
      </c>
      <c r="H21" s="44">
        <v>1291996.1260631194</v>
      </c>
      <c r="I21" s="44">
        <v>1291996.1260631194</v>
      </c>
      <c r="J21" s="44">
        <v>1291996.1260631194</v>
      </c>
      <c r="K21" s="44">
        <v>1291996.1260631194</v>
      </c>
      <c r="L21" s="44">
        <v>1291996.1260631194</v>
      </c>
      <c r="M21" s="46">
        <v>1284593.3260631193</v>
      </c>
      <c r="N21" s="46">
        <v>1284593.3260631193</v>
      </c>
      <c r="O21" s="46">
        <v>1284593.3260631193</v>
      </c>
      <c r="P21" s="46">
        <v>1291996.1260631194</v>
      </c>
      <c r="Q21" s="46">
        <v>1291996.1260631194</v>
      </c>
      <c r="R21" s="46">
        <v>1291996.1260631194</v>
      </c>
      <c r="S21" s="46">
        <v>1291996.1260631194</v>
      </c>
      <c r="T21" s="46">
        <v>1291996.1260631194</v>
      </c>
      <c r="U21" s="46">
        <v>1291996.1260631194</v>
      </c>
      <c r="V21" s="46">
        <v>1291996.1260631194</v>
      </c>
    </row>
    <row r="22" spans="1:22">
      <c r="A22" s="39"/>
      <c r="B22" s="39"/>
      <c r="C22" s="45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40">
        <v>355862.30778583343</v>
      </c>
      <c r="D23" s="40">
        <v>483714.24128583341</v>
      </c>
      <c r="E23" s="40">
        <v>600527.33900583338</v>
      </c>
      <c r="F23" s="40">
        <v>706045.59900583327</v>
      </c>
      <c r="G23" s="40">
        <v>809323.29900583322</v>
      </c>
      <c r="H23" s="40">
        <v>556849.99355333333</v>
      </c>
      <c r="I23" s="40">
        <v>532275.76005333336</v>
      </c>
      <c r="J23" s="40">
        <v>518740.36233333335</v>
      </c>
      <c r="K23" s="40">
        <v>516499.80233333335</v>
      </c>
      <c r="L23" s="40">
        <v>527499.8023333333</v>
      </c>
      <c r="M23" s="40">
        <v>543587.97111333336</v>
      </c>
      <c r="N23" s="40">
        <v>568162.20461333334</v>
      </c>
      <c r="O23" s="40">
        <v>581697.60233333334</v>
      </c>
      <c r="P23" s="40">
        <v>583938.1623333334</v>
      </c>
      <c r="Q23" s="40">
        <v>572938.1623333334</v>
      </c>
      <c r="R23" s="40">
        <v>556849.99355333333</v>
      </c>
      <c r="S23" s="40">
        <v>532275.76005333336</v>
      </c>
      <c r="T23" s="40">
        <v>518740.36233333335</v>
      </c>
      <c r="U23" s="40">
        <v>516499.80233333335</v>
      </c>
      <c r="V23" s="40">
        <v>516499.80233333335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533883.14181307307</v>
      </c>
      <c r="D25" s="46">
        <v>406031.20831307315</v>
      </c>
      <c r="E25" s="46">
        <v>289218.11059307319</v>
      </c>
      <c r="F25" s="46">
        <v>176297.05059307325</v>
      </c>
      <c r="G25" s="46">
        <v>73019.350593073294</v>
      </c>
      <c r="H25" s="46">
        <v>325492.65604557318</v>
      </c>
      <c r="I25" s="46">
        <v>350066.88954557315</v>
      </c>
      <c r="J25" s="46">
        <v>363602.28726557316</v>
      </c>
      <c r="K25" s="46">
        <v>365842.84726557316</v>
      </c>
      <c r="L25" s="46">
        <v>354842.84726557322</v>
      </c>
      <c r="M25" s="46">
        <v>346157.4784855732</v>
      </c>
      <c r="N25" s="46">
        <v>321583.24498557323</v>
      </c>
      <c r="O25" s="46">
        <v>308047.84726557322</v>
      </c>
      <c r="P25" s="46">
        <v>298404.48726557312</v>
      </c>
      <c r="Q25" s="46">
        <v>309404.48726557312</v>
      </c>
      <c r="R25" s="46">
        <v>325492.65604557318</v>
      </c>
      <c r="S25" s="46">
        <v>350066.88954557315</v>
      </c>
      <c r="T25" s="46">
        <v>363602.28726557316</v>
      </c>
      <c r="U25" s="46">
        <v>365842.84726557316</v>
      </c>
      <c r="V25" s="46">
        <v>365842.84726557316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181520.26821644485</v>
      </c>
      <c r="D27" s="40">
        <v>138050.61082644487</v>
      </c>
      <c r="E27" s="40">
        <v>98334.157601644896</v>
      </c>
      <c r="F27" s="40">
        <v>59940.99720164491</v>
      </c>
      <c r="G27" s="40">
        <v>24826.579201644923</v>
      </c>
      <c r="H27" s="40">
        <v>110667.50305549489</v>
      </c>
      <c r="I27" s="40">
        <v>119022.74244549488</v>
      </c>
      <c r="J27" s="40">
        <v>123624.77767029489</v>
      </c>
      <c r="K27" s="40">
        <v>124386.56807029489</v>
      </c>
      <c r="L27" s="40">
        <v>120646.5680702949</v>
      </c>
      <c r="M27" s="40">
        <v>117693.5426850949</v>
      </c>
      <c r="N27" s="40">
        <v>109338.3032950949</v>
      </c>
      <c r="O27" s="40">
        <v>104736.2680702949</v>
      </c>
      <c r="P27" s="40">
        <v>101457.52567029487</v>
      </c>
      <c r="Q27" s="40">
        <v>105197.52567029487</v>
      </c>
      <c r="R27" s="40">
        <v>110667.50305549489</v>
      </c>
      <c r="S27" s="40">
        <v>119022.74244549488</v>
      </c>
      <c r="T27" s="40">
        <v>123624.77767029489</v>
      </c>
      <c r="U27" s="40">
        <v>124386.56807029489</v>
      </c>
      <c r="V27" s="40">
        <v>124386.56807029489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352362.8735966282</v>
      </c>
      <c r="D29" s="46">
        <v>267980.59748662828</v>
      </c>
      <c r="E29" s="46">
        <v>190883.95299142829</v>
      </c>
      <c r="F29" s="46">
        <v>116356.05339142834</v>
      </c>
      <c r="G29" s="46">
        <v>48192.771391428367</v>
      </c>
      <c r="H29" s="46">
        <v>214825.15299007829</v>
      </c>
      <c r="I29" s="46">
        <v>231044.14710007829</v>
      </c>
      <c r="J29" s="46">
        <v>239977.50959527827</v>
      </c>
      <c r="K29" s="46">
        <v>241456.27919527827</v>
      </c>
      <c r="L29" s="46">
        <v>234196.2791952783</v>
      </c>
      <c r="M29" s="46">
        <v>228463.9358004783</v>
      </c>
      <c r="N29" s="46">
        <v>212244.94169047833</v>
      </c>
      <c r="O29" s="46">
        <v>203311.57919527832</v>
      </c>
      <c r="P29" s="46">
        <v>196946.96159527823</v>
      </c>
      <c r="Q29" s="46">
        <v>204206.96159527823</v>
      </c>
      <c r="R29" s="46">
        <v>214825.15299007829</v>
      </c>
      <c r="S29" s="46">
        <v>231044.14710007829</v>
      </c>
      <c r="T29" s="46">
        <v>239977.50959527827</v>
      </c>
      <c r="U29" s="46">
        <v>241456.27919527827</v>
      </c>
      <c r="V29" s="46">
        <v>241456.27919527827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355862.30778583343</v>
      </c>
      <c r="D31" s="40">
        <v>483714.24128583341</v>
      </c>
      <c r="E31" s="40">
        <v>600527.33900583338</v>
      </c>
      <c r="F31" s="40">
        <v>706045.59900583327</v>
      </c>
      <c r="G31" s="40">
        <v>809323.29900583322</v>
      </c>
      <c r="H31" s="40">
        <v>556849.99355333333</v>
      </c>
      <c r="I31" s="40">
        <v>532275.76005333336</v>
      </c>
      <c r="J31" s="40">
        <v>518740.36233333335</v>
      </c>
      <c r="K31" s="40">
        <v>516499.80233333335</v>
      </c>
      <c r="L31" s="40">
        <v>527499.8023333333</v>
      </c>
      <c r="M31" s="40">
        <v>543587.97111333336</v>
      </c>
      <c r="N31" s="40">
        <v>568162.20461333334</v>
      </c>
      <c r="O31" s="40">
        <v>581697.60233333334</v>
      </c>
      <c r="P31" s="40">
        <v>583938.1623333334</v>
      </c>
      <c r="Q31" s="40">
        <v>572938.1623333334</v>
      </c>
      <c r="R31" s="40">
        <v>556849.99355333333</v>
      </c>
      <c r="S31" s="40">
        <v>532275.76005333336</v>
      </c>
      <c r="T31" s="40">
        <v>518740.36233333335</v>
      </c>
      <c r="U31" s="40">
        <v>516499.80233333335</v>
      </c>
      <c r="V31" s="40">
        <v>516499.80233333335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708225.18138246168</v>
      </c>
      <c r="D33" s="46">
        <v>751694.83877246175</v>
      </c>
      <c r="E33" s="46">
        <v>791411.29199726169</v>
      </c>
      <c r="F33" s="46">
        <v>822401.65239726158</v>
      </c>
      <c r="G33" s="46">
        <v>857516.07039726153</v>
      </c>
      <c r="H33" s="46">
        <v>771675.14654341165</v>
      </c>
      <c r="I33" s="46">
        <v>763319.90715341165</v>
      </c>
      <c r="J33" s="46">
        <v>758717.87192861165</v>
      </c>
      <c r="K33" s="46">
        <v>757956.0815286116</v>
      </c>
      <c r="L33" s="46">
        <v>761696.0815286116</v>
      </c>
      <c r="M33" s="46">
        <v>772051.90691381169</v>
      </c>
      <c r="N33" s="46">
        <v>780407.14630381169</v>
      </c>
      <c r="O33" s="46">
        <v>785009.18152861169</v>
      </c>
      <c r="P33" s="46">
        <v>780885.12392861163</v>
      </c>
      <c r="Q33" s="46">
        <v>777145.12392861163</v>
      </c>
      <c r="R33" s="46">
        <v>771675.14654341165</v>
      </c>
      <c r="S33" s="46">
        <v>763319.90715341165</v>
      </c>
      <c r="T33" s="46">
        <v>758717.87192861165</v>
      </c>
      <c r="U33" s="46">
        <v>757956.0815286116</v>
      </c>
      <c r="V33" s="46">
        <v>757956.0815286116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2275786.1800001804</v>
      </c>
      <c r="C35" s="45">
        <v>596829.34389999998</v>
      </c>
      <c r="D35" s="45">
        <v>639259.66749999998</v>
      </c>
      <c r="E35" s="45">
        <v>584065.48860000004</v>
      </c>
      <c r="F35" s="45">
        <v>527591.30000000005</v>
      </c>
      <c r="G35" s="45">
        <v>516388.5</v>
      </c>
      <c r="H35" s="45">
        <v>516388.5</v>
      </c>
      <c r="I35" s="45">
        <v>516388.5</v>
      </c>
      <c r="J35" s="45">
        <v>516388.5</v>
      </c>
      <c r="K35" s="45">
        <v>516388.5</v>
      </c>
      <c r="L35" s="45">
        <v>571388.5</v>
      </c>
      <c r="M35" s="45">
        <v>596829.34389999998</v>
      </c>
      <c r="N35" s="45">
        <v>639259.66749999998</v>
      </c>
      <c r="O35" s="45">
        <v>584065.48860000004</v>
      </c>
      <c r="P35" s="45">
        <v>527591.30000000005</v>
      </c>
      <c r="Q35" s="45">
        <v>516388.5</v>
      </c>
      <c r="R35" s="45">
        <v>516388.5</v>
      </c>
      <c r="S35" s="45">
        <v>516388.5</v>
      </c>
      <c r="T35" s="45">
        <v>516388.5</v>
      </c>
      <c r="U35" s="45">
        <v>516388.5</v>
      </c>
      <c r="V35" s="45">
        <v>498791.3311498203</v>
      </c>
    </row>
    <row r="36" spans="1:22">
      <c r="A36" s="47" t="s">
        <v>74</v>
      </c>
      <c r="B36" s="46">
        <v>2220418.9111500005</v>
      </c>
      <c r="C36" s="46">
        <v>516388.5</v>
      </c>
      <c r="D36" s="46">
        <v>516388.5</v>
      </c>
      <c r="E36" s="46">
        <v>516388.5</v>
      </c>
      <c r="F36" s="46">
        <v>516388.5</v>
      </c>
      <c r="G36" s="46">
        <v>516388.5</v>
      </c>
      <c r="H36" s="46">
        <v>516388.5</v>
      </c>
      <c r="I36" s="46">
        <v>516388.5</v>
      </c>
      <c r="J36" s="46">
        <v>516388.5</v>
      </c>
      <c r="K36" s="46">
        <v>516388.5</v>
      </c>
      <c r="L36" s="46">
        <v>516388.5</v>
      </c>
      <c r="M36" s="46">
        <v>516388.5</v>
      </c>
      <c r="N36" s="46">
        <v>516388.5</v>
      </c>
      <c r="O36" s="46">
        <v>516388.5</v>
      </c>
      <c r="P36" s="46">
        <v>516388.5</v>
      </c>
      <c r="Q36" s="46">
        <v>516388.5</v>
      </c>
      <c r="R36" s="46">
        <v>516388.5</v>
      </c>
      <c r="S36" s="46">
        <v>516388.5</v>
      </c>
      <c r="T36" s="46">
        <v>516388.5</v>
      </c>
      <c r="U36" s="46">
        <v>516388.5</v>
      </c>
      <c r="V36" s="46">
        <v>516388.5</v>
      </c>
    </row>
    <row r="37" spans="1:22">
      <c r="A37" s="48" t="s">
        <v>75</v>
      </c>
      <c r="B37" s="40">
        <v>33000</v>
      </c>
      <c r="C37" s="40">
        <v>80440.843899999993</v>
      </c>
      <c r="D37" s="40">
        <v>122871.1675</v>
      </c>
      <c r="E37" s="40">
        <v>67676.988600000012</v>
      </c>
      <c r="F37" s="40">
        <v>11202.8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55000</v>
      </c>
      <c r="M37" s="40">
        <v>80440.843899999993</v>
      </c>
      <c r="N37" s="40">
        <v>122871.1675</v>
      </c>
      <c r="O37" s="40">
        <v>67676.988600000012</v>
      </c>
      <c r="P37" s="40">
        <v>11202.8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9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17597.168850179718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17597.168850179718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21946.511250000003</v>
      </c>
      <c r="D41" s="44">
        <v>21946.511250000003</v>
      </c>
      <c r="E41" s="44">
        <v>21946.511250000003</v>
      </c>
      <c r="F41" s="44">
        <v>21946.511250000003</v>
      </c>
      <c r="G41" s="44">
        <v>21946.511250000003</v>
      </c>
      <c r="H41" s="44">
        <v>21946.511250000003</v>
      </c>
      <c r="I41" s="44">
        <v>21946.511250000003</v>
      </c>
      <c r="J41" s="44">
        <v>21946.511250000003</v>
      </c>
      <c r="K41" s="44">
        <v>21946.511250000003</v>
      </c>
      <c r="L41" s="44">
        <v>21946.511250000003</v>
      </c>
      <c r="M41" s="44">
        <v>21946.511250000003</v>
      </c>
      <c r="N41" s="44">
        <v>21946.511250000003</v>
      </c>
      <c r="O41" s="44">
        <v>21946.511250000003</v>
      </c>
      <c r="P41" s="44">
        <v>21946.511250000003</v>
      </c>
      <c r="Q41" s="44">
        <v>21946.511250000003</v>
      </c>
      <c r="R41" s="44">
        <v>21946.511250000003</v>
      </c>
      <c r="S41" s="44">
        <v>21946.511250000003</v>
      </c>
      <c r="T41" s="44">
        <v>21946.511250000003</v>
      </c>
      <c r="U41" s="44">
        <v>21946.511250000003</v>
      </c>
      <c r="V41" s="44">
        <v>1494862.9253108334</v>
      </c>
    </row>
    <row r="42" spans="1:22">
      <c r="A42" s="39" t="s">
        <v>79</v>
      </c>
      <c r="B42" s="39"/>
      <c r="C42" s="45">
        <v>21946.511250000003</v>
      </c>
      <c r="D42" s="45">
        <v>21946.511250000003</v>
      </c>
      <c r="E42" s="45">
        <v>21946.511250000003</v>
      </c>
      <c r="F42" s="45">
        <v>21946.511250000003</v>
      </c>
      <c r="G42" s="45">
        <v>21946.511250000003</v>
      </c>
      <c r="H42" s="45">
        <v>21946.511250000003</v>
      </c>
      <c r="I42" s="45">
        <v>21946.511250000003</v>
      </c>
      <c r="J42" s="45">
        <v>21946.511250000003</v>
      </c>
      <c r="K42" s="45">
        <v>21946.511250000003</v>
      </c>
      <c r="L42" s="45">
        <v>21946.511250000003</v>
      </c>
      <c r="M42" s="45">
        <v>21946.511250000003</v>
      </c>
      <c r="N42" s="45">
        <v>21946.511250000003</v>
      </c>
      <c r="O42" s="45">
        <v>21946.511250000003</v>
      </c>
      <c r="P42" s="45">
        <v>21946.511250000003</v>
      </c>
      <c r="Q42" s="45">
        <v>21946.511250000003</v>
      </c>
      <c r="R42" s="45">
        <v>21946.511250000003</v>
      </c>
      <c r="S42" s="45">
        <v>21946.511250000003</v>
      </c>
      <c r="T42" s="45">
        <v>21946.511250000003</v>
      </c>
      <c r="U42" s="45">
        <v>21946.511250000003</v>
      </c>
      <c r="V42" s="45">
        <v>1492318.8719775002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4">
        <v>0</v>
      </c>
      <c r="M43" s="43">
        <v>0</v>
      </c>
      <c r="N43" s="44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2275786.1800001804</v>
      </c>
      <c r="C45" s="51">
        <v>133342.34873246172</v>
      </c>
      <c r="D45" s="51">
        <v>134381.68252246178</v>
      </c>
      <c r="E45" s="51">
        <v>229292.31464726166</v>
      </c>
      <c r="F45" s="51">
        <v>316756.86364726152</v>
      </c>
      <c r="G45" s="51">
        <v>363074.08164726151</v>
      </c>
      <c r="H45" s="51">
        <v>277233.15779341164</v>
      </c>
      <c r="I45" s="51">
        <v>268877.91840341163</v>
      </c>
      <c r="J45" s="51">
        <v>264275.88317861164</v>
      </c>
      <c r="K45" s="51">
        <v>263514.09277861158</v>
      </c>
      <c r="L45" s="51">
        <v>212254.09277861161</v>
      </c>
      <c r="M45" s="51">
        <v>197169.07426381172</v>
      </c>
      <c r="N45" s="51">
        <v>163093.99005381172</v>
      </c>
      <c r="O45" s="51">
        <v>222890.20417861166</v>
      </c>
      <c r="P45" s="51">
        <v>275240.33517861157</v>
      </c>
      <c r="Q45" s="51">
        <v>282703.13517861161</v>
      </c>
      <c r="R45" s="51">
        <v>277233.15779341164</v>
      </c>
      <c r="S45" s="51">
        <v>268877.91840341163</v>
      </c>
      <c r="T45" s="51">
        <v>264275.88317861164</v>
      </c>
      <c r="U45" s="51">
        <v>263514.09277861158</v>
      </c>
      <c r="V45" s="51">
        <v>1754027.6756896246</v>
      </c>
    </row>
    <row r="46" spans="1:22">
      <c r="A46" s="39"/>
      <c r="B46" s="40"/>
      <c r="C46" s="40"/>
      <c r="D46" s="40"/>
      <c r="E46" s="40"/>
      <c r="F46" s="40"/>
      <c r="G46" s="40"/>
      <c r="H46" s="40"/>
      <c r="I46" s="40"/>
      <c r="J46" s="40"/>
      <c r="K46" s="40"/>
      <c r="L46" s="40"/>
      <c r="M46" s="39"/>
      <c r="N46" s="39"/>
      <c r="O46" s="39"/>
      <c r="P46" s="39"/>
      <c r="Q46" s="39"/>
      <c r="R46" s="39"/>
      <c r="S46" s="39"/>
      <c r="T46" s="39"/>
      <c r="U46" s="39"/>
      <c r="V46" s="39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355862.30778583343</v>
      </c>
      <c r="D55" s="58">
        <v>483714.24128583341</v>
      </c>
      <c r="E55" s="58">
        <v>600527.33900583338</v>
      </c>
      <c r="F55" s="58">
        <v>706045.59900583327</v>
      </c>
      <c r="G55" s="58">
        <v>809323.29900583322</v>
      </c>
      <c r="H55" s="58">
        <v>556849.99355333333</v>
      </c>
      <c r="I55" s="58">
        <v>532275.76005333336</v>
      </c>
      <c r="J55" s="58">
        <v>518740.36233333335</v>
      </c>
      <c r="K55" s="58">
        <v>516499.80233333335</v>
      </c>
      <c r="L55" s="58">
        <v>527499.8023333333</v>
      </c>
      <c r="M55" s="58">
        <v>543587.97111333336</v>
      </c>
      <c r="N55" s="58">
        <v>568162.20461333334</v>
      </c>
      <c r="O55" s="58">
        <v>581697.60233333334</v>
      </c>
      <c r="P55" s="58">
        <v>583938.1623333334</v>
      </c>
      <c r="Q55" s="58">
        <v>572938.1623333334</v>
      </c>
      <c r="R55" s="58">
        <v>556849.99355333333</v>
      </c>
      <c r="S55" s="58">
        <v>532275.76005333336</v>
      </c>
      <c r="T55" s="58">
        <v>518740.36233333335</v>
      </c>
      <c r="U55" s="58">
        <v>516499.80233333335</v>
      </c>
      <c r="V55" s="59">
        <v>516499.80233333335</v>
      </c>
    </row>
    <row r="56" spans="1:22">
      <c r="A56" s="60" t="s">
        <v>83</v>
      </c>
      <c r="B56" s="61"/>
      <c r="C56" s="63">
        <v>333062.83667250007</v>
      </c>
      <c r="D56" s="63">
        <v>436340.53667250008</v>
      </c>
      <c r="E56" s="63">
        <v>539618.23667250003</v>
      </c>
      <c r="F56" s="63">
        <v>642895.93667249999</v>
      </c>
      <c r="G56" s="63">
        <v>746173.63667249994</v>
      </c>
      <c r="H56" s="63">
        <v>516388.5</v>
      </c>
      <c r="I56" s="63">
        <v>516388.5</v>
      </c>
      <c r="J56" s="63">
        <v>516388.5</v>
      </c>
      <c r="K56" s="63">
        <v>516388.5</v>
      </c>
      <c r="L56" s="63">
        <v>516388.5</v>
      </c>
      <c r="M56" s="63">
        <v>516388.5</v>
      </c>
      <c r="N56" s="63">
        <v>516388.5</v>
      </c>
      <c r="O56" s="63">
        <v>516388.5</v>
      </c>
      <c r="P56" s="63">
        <v>516388.5</v>
      </c>
      <c r="Q56" s="63">
        <v>516388.5</v>
      </c>
      <c r="R56" s="63">
        <v>516388.5</v>
      </c>
      <c r="S56" s="63">
        <v>516388.5</v>
      </c>
      <c r="T56" s="63">
        <v>516388.5</v>
      </c>
      <c r="U56" s="63">
        <v>516388.5</v>
      </c>
      <c r="V56" s="64">
        <v>516388.5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2688.16878</v>
      </c>
      <c r="D58" s="71">
        <v>47262.402279999995</v>
      </c>
      <c r="E58" s="71">
        <v>60797.799999999996</v>
      </c>
      <c r="F58" s="71">
        <v>63038.359999999993</v>
      </c>
      <c r="G58" s="71">
        <v>63038.359999999993</v>
      </c>
      <c r="H58" s="71">
        <v>40350.191220000001</v>
      </c>
      <c r="I58" s="71">
        <v>15775.957720000002</v>
      </c>
      <c r="J58" s="71">
        <v>2240.56</v>
      </c>
      <c r="K58" s="71">
        <v>0</v>
      </c>
      <c r="L58" s="71">
        <v>11000</v>
      </c>
      <c r="M58" s="71">
        <v>27088.16878</v>
      </c>
      <c r="N58" s="71">
        <v>51662.402279999995</v>
      </c>
      <c r="O58" s="71">
        <v>65197.8</v>
      </c>
      <c r="P58" s="71">
        <v>67438.36</v>
      </c>
      <c r="Q58" s="71">
        <v>56438.36</v>
      </c>
      <c r="R58" s="71">
        <v>40350.191220000001</v>
      </c>
      <c r="S58" s="71">
        <v>15775.957720000002</v>
      </c>
      <c r="T58" s="71">
        <v>2240.56</v>
      </c>
      <c r="U58" s="71">
        <v>0</v>
      </c>
      <c r="V58" s="72">
        <v>0</v>
      </c>
    </row>
    <row r="90" spans="10:12" ht="12.75">
      <c r="J90" s="85"/>
      <c r="K90" s="103" t="s">
        <v>114</v>
      </c>
    </row>
    <row r="91" spans="10:12" ht="12.75">
      <c r="L91" s="85"/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>
  <sheetPr codeName="Plan15"/>
  <dimension ref="A1:V88"/>
  <sheetViews>
    <sheetView tabSelected="1" view="pageBreakPreview" topLeftCell="A16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8.5" customHeight="1">
      <c r="A1" s="82" t="s">
        <v>128</v>
      </c>
    </row>
    <row r="4" spans="1:22" ht="18">
      <c r="A4" s="82" t="s">
        <v>143</v>
      </c>
    </row>
    <row r="5" spans="1:22" ht="15.75">
      <c r="A5" s="87" t="s">
        <v>103</v>
      </c>
    </row>
    <row r="6" spans="1:22" ht="15.75">
      <c r="A6" s="87" t="s">
        <v>102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2">
        <v>20551.360373262967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11063.124437859327</v>
      </c>
    </row>
    <row r="11" spans="1:22" ht="12.75">
      <c r="A11" s="91" t="s">
        <v>59</v>
      </c>
      <c r="B11" s="92"/>
      <c r="C11" s="99">
        <v>4115.8012839999992</v>
      </c>
    </row>
    <row r="12" spans="1:22" ht="12.75">
      <c r="A12" s="91" t="s">
        <v>60</v>
      </c>
      <c r="B12" s="92"/>
      <c r="C12" s="100">
        <v>6947.3231538593282</v>
      </c>
    </row>
    <row r="13" spans="1:22" ht="12.75">
      <c r="A13" s="91" t="s">
        <v>61</v>
      </c>
      <c r="B13" s="92"/>
      <c r="C13" s="99">
        <v>4006.7999999999997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73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2466163.2447915561</v>
      </c>
      <c r="D17" s="40">
        <v>2466163.2447915561</v>
      </c>
      <c r="E17" s="40">
        <v>2466163.2447915561</v>
      </c>
      <c r="F17" s="40">
        <v>2466163.2447915561</v>
      </c>
      <c r="G17" s="40">
        <v>2466163.2447915561</v>
      </c>
      <c r="H17" s="40">
        <v>2466163.2447915561</v>
      </c>
      <c r="I17" s="40">
        <v>2466163.2447915561</v>
      </c>
      <c r="J17" s="40">
        <v>2466163.2447915561</v>
      </c>
      <c r="K17" s="40">
        <v>2466163.2447915561</v>
      </c>
      <c r="L17" s="40">
        <v>2466163.2447915561</v>
      </c>
      <c r="M17" s="40">
        <v>2466163.2447915561</v>
      </c>
      <c r="N17" s="40">
        <v>2466163.2447915561</v>
      </c>
      <c r="O17" s="40">
        <v>2466163.2447915561</v>
      </c>
      <c r="P17" s="40">
        <v>2466163.2447915561</v>
      </c>
      <c r="Q17" s="40">
        <v>2466163.2447915561</v>
      </c>
      <c r="R17" s="40">
        <v>2466163.2447915561</v>
      </c>
      <c r="S17" s="40">
        <v>2466163.2447915561</v>
      </c>
      <c r="T17" s="40">
        <v>2466163.2447915561</v>
      </c>
      <c r="U17" s="40">
        <v>2466163.2447915561</v>
      </c>
      <c r="V17" s="40">
        <v>2466163.2447915561</v>
      </c>
    </row>
    <row r="18" spans="1:22">
      <c r="A18" s="43" t="s">
        <v>64</v>
      </c>
      <c r="B18" s="43"/>
      <c r="C18" s="44">
        <v>49323.264895831126</v>
      </c>
      <c r="D18" s="44">
        <v>49323.264895831126</v>
      </c>
      <c r="E18" s="44">
        <v>49323.264895831126</v>
      </c>
      <c r="F18" s="44">
        <v>49323.264895831126</v>
      </c>
      <c r="G18" s="44">
        <v>49323.264895831126</v>
      </c>
      <c r="H18" s="44">
        <v>49323.264895831126</v>
      </c>
      <c r="I18" s="44">
        <v>49323.264895831126</v>
      </c>
      <c r="J18" s="44">
        <v>49323.264895831126</v>
      </c>
      <c r="K18" s="44">
        <v>49323.264895831126</v>
      </c>
      <c r="L18" s="44">
        <v>49323.264895831126</v>
      </c>
      <c r="M18" s="44">
        <v>49323.264895831126</v>
      </c>
      <c r="N18" s="44">
        <v>49323.264895831126</v>
      </c>
      <c r="O18" s="44">
        <v>49323.264895831126</v>
      </c>
      <c r="P18" s="44">
        <v>49323.264895831126</v>
      </c>
      <c r="Q18" s="44">
        <v>49323.264895831126</v>
      </c>
      <c r="R18" s="44">
        <v>49323.264895831126</v>
      </c>
      <c r="S18" s="44">
        <v>49323.264895831126</v>
      </c>
      <c r="T18" s="44">
        <v>49323.264895831126</v>
      </c>
      <c r="U18" s="44">
        <v>49323.264895831126</v>
      </c>
      <c r="V18" s="44">
        <v>49323.264895831126</v>
      </c>
    </row>
    <row r="19" spans="1:22">
      <c r="A19" s="39" t="s">
        <v>65</v>
      </c>
      <c r="B19" s="39"/>
      <c r="C19" s="45">
        <v>2416839.9798957249</v>
      </c>
      <c r="D19" s="45">
        <v>2416839.9798957249</v>
      </c>
      <c r="E19" s="45">
        <v>2416839.9798957249</v>
      </c>
      <c r="F19" s="45">
        <v>2416839.9798957249</v>
      </c>
      <c r="G19" s="45">
        <v>2416839.9798957249</v>
      </c>
      <c r="H19" s="45">
        <v>2416839.9798957249</v>
      </c>
      <c r="I19" s="45">
        <v>2416839.9798957249</v>
      </c>
      <c r="J19" s="45">
        <v>2416839.9798957249</v>
      </c>
      <c r="K19" s="45">
        <v>2416839.9798957249</v>
      </c>
      <c r="L19" s="45">
        <v>2416839.9798957249</v>
      </c>
      <c r="M19" s="45">
        <v>2416839.9798957249</v>
      </c>
      <c r="N19" s="45">
        <v>2416839.9798957249</v>
      </c>
      <c r="O19" s="45">
        <v>2416839.9798957249</v>
      </c>
      <c r="P19" s="45">
        <v>2416839.9798957249</v>
      </c>
      <c r="Q19" s="45">
        <v>2416839.9798957249</v>
      </c>
      <c r="R19" s="45">
        <v>2416839.9798957249</v>
      </c>
      <c r="S19" s="45">
        <v>2416839.9798957249</v>
      </c>
      <c r="T19" s="45">
        <v>2416839.9798957249</v>
      </c>
      <c r="U19" s="45">
        <v>2416839.9798957249</v>
      </c>
      <c r="V19" s="45">
        <v>2416839.9798957249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1374646.1325431191</v>
      </c>
      <c r="D21" s="44">
        <v>1374646.1325431191</v>
      </c>
      <c r="E21" s="44">
        <v>1374646.1325431191</v>
      </c>
      <c r="F21" s="44">
        <v>1382048.9325431192</v>
      </c>
      <c r="G21" s="44">
        <v>1382048.9325431192</v>
      </c>
      <c r="H21" s="44">
        <v>1382048.9325431192</v>
      </c>
      <c r="I21" s="44">
        <v>1382048.9325431192</v>
      </c>
      <c r="J21" s="44">
        <v>1382048.9325431192</v>
      </c>
      <c r="K21" s="44">
        <v>1382048.9325431192</v>
      </c>
      <c r="L21" s="44">
        <v>1382048.9325431192</v>
      </c>
      <c r="M21" s="46">
        <v>1374646.1325431191</v>
      </c>
      <c r="N21" s="46">
        <v>1374646.1325431191</v>
      </c>
      <c r="O21" s="46">
        <v>1374646.1325431191</v>
      </c>
      <c r="P21" s="46">
        <v>1382048.9325431192</v>
      </c>
      <c r="Q21" s="46">
        <v>1382048.9325431192</v>
      </c>
      <c r="R21" s="46">
        <v>1382048.9325431192</v>
      </c>
      <c r="S21" s="46">
        <v>1382048.9325431192</v>
      </c>
      <c r="T21" s="46">
        <v>1382048.9325431192</v>
      </c>
      <c r="U21" s="46">
        <v>1382048.9325431192</v>
      </c>
      <c r="V21" s="46">
        <v>1382048.9325431192</v>
      </c>
    </row>
    <row r="22" spans="1:22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40">
        <v>416670.01012033341</v>
      </c>
      <c r="D23" s="40">
        <v>563377.48362033337</v>
      </c>
      <c r="E23" s="40">
        <v>699046.12134033337</v>
      </c>
      <c r="F23" s="40">
        <v>823419.9213403333</v>
      </c>
      <c r="G23" s="40">
        <v>945553.16134033329</v>
      </c>
      <c r="H23" s="40">
        <v>651127.69355333329</v>
      </c>
      <c r="I23" s="40">
        <v>626553.4600533332</v>
      </c>
      <c r="J23" s="40">
        <v>613018.06233333331</v>
      </c>
      <c r="K23" s="40">
        <v>610777.50233333325</v>
      </c>
      <c r="L23" s="40">
        <v>621777.50233333325</v>
      </c>
      <c r="M23" s="40">
        <v>637865.6711133332</v>
      </c>
      <c r="N23" s="40">
        <v>662439.90461333329</v>
      </c>
      <c r="O23" s="40">
        <v>675975.3023333333</v>
      </c>
      <c r="P23" s="40">
        <v>678215.86233333324</v>
      </c>
      <c r="Q23" s="40">
        <v>667215.86233333324</v>
      </c>
      <c r="R23" s="40">
        <v>651127.69355333329</v>
      </c>
      <c r="S23" s="40">
        <v>626553.4600533332</v>
      </c>
      <c r="T23" s="40">
        <v>613018.06233333331</v>
      </c>
      <c r="U23" s="40">
        <v>610777.50233333325</v>
      </c>
      <c r="V23" s="40">
        <v>610777.50233333325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625523.83723227237</v>
      </c>
      <c r="D25" s="46">
        <v>478816.36373227241</v>
      </c>
      <c r="E25" s="46">
        <v>343147.72601227241</v>
      </c>
      <c r="F25" s="46">
        <v>211371.12601227243</v>
      </c>
      <c r="G25" s="46">
        <v>89237.886012272444</v>
      </c>
      <c r="H25" s="46">
        <v>383663.35379927245</v>
      </c>
      <c r="I25" s="46">
        <v>408237.58729927253</v>
      </c>
      <c r="J25" s="46">
        <v>421772.98501927243</v>
      </c>
      <c r="K25" s="46">
        <v>424013.54501927248</v>
      </c>
      <c r="L25" s="46">
        <v>413013.54501927248</v>
      </c>
      <c r="M25" s="46">
        <v>404328.17623927258</v>
      </c>
      <c r="N25" s="46">
        <v>379753.94273927249</v>
      </c>
      <c r="O25" s="46">
        <v>366218.54501927248</v>
      </c>
      <c r="P25" s="46">
        <v>356575.1850192725</v>
      </c>
      <c r="Q25" s="46">
        <v>367575.1850192725</v>
      </c>
      <c r="R25" s="46">
        <v>383663.35379927245</v>
      </c>
      <c r="S25" s="46">
        <v>408237.58729927253</v>
      </c>
      <c r="T25" s="46">
        <v>421772.98501927243</v>
      </c>
      <c r="U25" s="46">
        <v>424013.54501927248</v>
      </c>
      <c r="V25" s="46">
        <v>424013.54501927248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212678.10465897262</v>
      </c>
      <c r="D27" s="40">
        <v>162797.56366897264</v>
      </c>
      <c r="E27" s="40">
        <v>116670.22684417263</v>
      </c>
      <c r="F27" s="40">
        <v>71866.182844172639</v>
      </c>
      <c r="G27" s="40">
        <v>30340.881244172633</v>
      </c>
      <c r="H27" s="40">
        <v>130445.54029175264</v>
      </c>
      <c r="I27" s="40">
        <v>138800.77968175267</v>
      </c>
      <c r="J27" s="40">
        <v>143402.81490655264</v>
      </c>
      <c r="K27" s="40">
        <v>144164.60530655266</v>
      </c>
      <c r="L27" s="40">
        <v>140424.60530655266</v>
      </c>
      <c r="M27" s="40">
        <v>137471.57992135268</v>
      </c>
      <c r="N27" s="40">
        <v>129116.34053135266</v>
      </c>
      <c r="O27" s="40">
        <v>124514.30530655265</v>
      </c>
      <c r="P27" s="40">
        <v>121235.56290655266</v>
      </c>
      <c r="Q27" s="40">
        <v>124975.56290655266</v>
      </c>
      <c r="R27" s="40">
        <v>130445.54029175264</v>
      </c>
      <c r="S27" s="40">
        <v>138800.77968175267</v>
      </c>
      <c r="T27" s="40">
        <v>143402.81490655264</v>
      </c>
      <c r="U27" s="40">
        <v>144164.60530655266</v>
      </c>
      <c r="V27" s="40">
        <v>144164.60530655266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412845.73257329979</v>
      </c>
      <c r="D29" s="46">
        <v>316018.80006329977</v>
      </c>
      <c r="E29" s="46">
        <v>226477.49916809978</v>
      </c>
      <c r="F29" s="46">
        <v>139504.9431680998</v>
      </c>
      <c r="G29" s="46">
        <v>58897.00476809981</v>
      </c>
      <c r="H29" s="46">
        <v>253217.81350751981</v>
      </c>
      <c r="I29" s="46">
        <v>269436.80761751987</v>
      </c>
      <c r="J29" s="46">
        <v>278370.17011271976</v>
      </c>
      <c r="K29" s="46">
        <v>279848.93971271982</v>
      </c>
      <c r="L29" s="46">
        <v>272588.93971271982</v>
      </c>
      <c r="M29" s="46">
        <v>266856.5963179199</v>
      </c>
      <c r="N29" s="46">
        <v>250637.60220791982</v>
      </c>
      <c r="O29" s="46">
        <v>241704.23971271983</v>
      </c>
      <c r="P29" s="46">
        <v>235339.62211271984</v>
      </c>
      <c r="Q29" s="46">
        <v>242599.62211271984</v>
      </c>
      <c r="R29" s="46">
        <v>253217.81350751981</v>
      </c>
      <c r="S29" s="46">
        <v>269436.80761751987</v>
      </c>
      <c r="T29" s="46">
        <v>278370.17011271976</v>
      </c>
      <c r="U29" s="46">
        <v>279848.93971271982</v>
      </c>
      <c r="V29" s="46">
        <v>279848.93971271982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416670.01012033341</v>
      </c>
      <c r="D31" s="40">
        <v>563377.48362033337</v>
      </c>
      <c r="E31" s="40">
        <v>699046.12134033337</v>
      </c>
      <c r="F31" s="40">
        <v>823419.9213403333</v>
      </c>
      <c r="G31" s="40">
        <v>945553.16134033329</v>
      </c>
      <c r="H31" s="40">
        <v>651127.69355333329</v>
      </c>
      <c r="I31" s="40">
        <v>626553.4600533332</v>
      </c>
      <c r="J31" s="40">
        <v>613018.06233333331</v>
      </c>
      <c r="K31" s="40">
        <v>610777.50233333325</v>
      </c>
      <c r="L31" s="40">
        <v>621777.50233333325</v>
      </c>
      <c r="M31" s="40">
        <v>637865.6711133332</v>
      </c>
      <c r="N31" s="40">
        <v>662439.90461333329</v>
      </c>
      <c r="O31" s="40">
        <v>675975.3023333333</v>
      </c>
      <c r="P31" s="40">
        <v>678215.86233333324</v>
      </c>
      <c r="Q31" s="40">
        <v>667215.86233333324</v>
      </c>
      <c r="R31" s="40">
        <v>651127.69355333329</v>
      </c>
      <c r="S31" s="40">
        <v>626553.4600533332</v>
      </c>
      <c r="T31" s="40">
        <v>613018.06233333331</v>
      </c>
      <c r="U31" s="40">
        <v>610777.50233333325</v>
      </c>
      <c r="V31" s="40">
        <v>610777.50233333325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829515.74269363319</v>
      </c>
      <c r="D33" s="46">
        <v>879396.2836836332</v>
      </c>
      <c r="E33" s="46">
        <v>925523.62050843309</v>
      </c>
      <c r="F33" s="46">
        <v>962924.86450843303</v>
      </c>
      <c r="G33" s="46">
        <v>1004450.1661084332</v>
      </c>
      <c r="H33" s="46">
        <v>904345.50706085307</v>
      </c>
      <c r="I33" s="46">
        <v>895990.26767085306</v>
      </c>
      <c r="J33" s="46">
        <v>891388.23244605307</v>
      </c>
      <c r="K33" s="46">
        <v>890626.44204605301</v>
      </c>
      <c r="L33" s="46">
        <v>894366.44204605301</v>
      </c>
      <c r="M33" s="46">
        <v>904722.2674312531</v>
      </c>
      <c r="N33" s="46">
        <v>913077.5068212531</v>
      </c>
      <c r="O33" s="46">
        <v>917679.5420460531</v>
      </c>
      <c r="P33" s="46">
        <v>913555.48444605304</v>
      </c>
      <c r="Q33" s="46">
        <v>909815.48444605304</v>
      </c>
      <c r="R33" s="46">
        <v>904345.50706085307</v>
      </c>
      <c r="S33" s="46">
        <v>895990.26767085306</v>
      </c>
      <c r="T33" s="46">
        <v>891388.23244605307</v>
      </c>
      <c r="U33" s="46">
        <v>890626.44204605301</v>
      </c>
      <c r="V33" s="46">
        <v>890626.44204605301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2682404.4623189475</v>
      </c>
      <c r="C35" s="45">
        <v>691107.04389999993</v>
      </c>
      <c r="D35" s="45">
        <v>733537.36749999993</v>
      </c>
      <c r="E35" s="45">
        <v>678343.18859999999</v>
      </c>
      <c r="F35" s="45">
        <v>621869</v>
      </c>
      <c r="G35" s="45">
        <v>610666.19999999995</v>
      </c>
      <c r="H35" s="45">
        <v>610666.19999999995</v>
      </c>
      <c r="I35" s="45">
        <v>610666.19999999995</v>
      </c>
      <c r="J35" s="45">
        <v>610666.19999999995</v>
      </c>
      <c r="K35" s="45">
        <v>610666.19999999995</v>
      </c>
      <c r="L35" s="45">
        <v>665666.19999999995</v>
      </c>
      <c r="M35" s="45">
        <v>691107.04389999993</v>
      </c>
      <c r="N35" s="45">
        <v>733537.36749999993</v>
      </c>
      <c r="O35" s="45">
        <v>678343.18859999999</v>
      </c>
      <c r="P35" s="45">
        <v>621869</v>
      </c>
      <c r="Q35" s="45">
        <v>610666.19999999995</v>
      </c>
      <c r="R35" s="45">
        <v>610666.19999999995</v>
      </c>
      <c r="S35" s="45">
        <v>610666.19999999995</v>
      </c>
      <c r="T35" s="45">
        <v>610666.19999999995</v>
      </c>
      <c r="U35" s="45">
        <v>610666.19999999995</v>
      </c>
      <c r="V35" s="45">
        <v>591835.43106105307</v>
      </c>
    </row>
    <row r="36" spans="1:22">
      <c r="A36" s="47" t="s">
        <v>74</v>
      </c>
      <c r="B36" s="46">
        <v>2625803.5933800004</v>
      </c>
      <c r="C36" s="46">
        <v>610666.19999999995</v>
      </c>
      <c r="D36" s="46">
        <v>610666.19999999995</v>
      </c>
      <c r="E36" s="46">
        <v>610666.19999999995</v>
      </c>
      <c r="F36" s="46">
        <v>610666.19999999995</v>
      </c>
      <c r="G36" s="46">
        <v>610666.19999999995</v>
      </c>
      <c r="H36" s="46">
        <v>610666.19999999995</v>
      </c>
      <c r="I36" s="46">
        <v>610666.19999999995</v>
      </c>
      <c r="J36" s="46">
        <v>610666.19999999995</v>
      </c>
      <c r="K36" s="46">
        <v>610666.19999999995</v>
      </c>
      <c r="L36" s="46">
        <v>610666.19999999995</v>
      </c>
      <c r="M36" s="46">
        <v>610666.19999999995</v>
      </c>
      <c r="N36" s="46">
        <v>610666.19999999995</v>
      </c>
      <c r="O36" s="46">
        <v>610666.19999999995</v>
      </c>
      <c r="P36" s="46">
        <v>610666.19999999995</v>
      </c>
      <c r="Q36" s="46">
        <v>610666.19999999995</v>
      </c>
      <c r="R36" s="46">
        <v>610666.19999999995</v>
      </c>
      <c r="S36" s="46">
        <v>610666.19999999995</v>
      </c>
      <c r="T36" s="46">
        <v>610666.19999999995</v>
      </c>
      <c r="U36" s="46">
        <v>610666.19999999995</v>
      </c>
      <c r="V36" s="46">
        <v>610666.19999999995</v>
      </c>
    </row>
    <row r="37" spans="1:22">
      <c r="A37" s="48" t="s">
        <v>75</v>
      </c>
      <c r="B37" s="40">
        <v>33000</v>
      </c>
      <c r="C37" s="40">
        <v>80440.843899999993</v>
      </c>
      <c r="D37" s="40">
        <v>122871.1675</v>
      </c>
      <c r="E37" s="40">
        <v>67676.988600000012</v>
      </c>
      <c r="F37" s="40">
        <v>11202.8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55000</v>
      </c>
      <c r="M37" s="40">
        <v>80440.843899999993</v>
      </c>
      <c r="N37" s="40">
        <v>122871.1675</v>
      </c>
      <c r="O37" s="40">
        <v>67676.988600000012</v>
      </c>
      <c r="P37" s="40">
        <v>11202.8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9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18830.768938946836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18830.768938946836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25953.313499999997</v>
      </c>
      <c r="D41" s="44">
        <v>25953.313499999997</v>
      </c>
      <c r="E41" s="44">
        <v>25953.313499999997</v>
      </c>
      <c r="F41" s="44">
        <v>25953.313499999997</v>
      </c>
      <c r="G41" s="44">
        <v>25953.313499999997</v>
      </c>
      <c r="H41" s="44">
        <v>25953.313499999997</v>
      </c>
      <c r="I41" s="44">
        <v>25953.313499999997</v>
      </c>
      <c r="J41" s="44">
        <v>25953.313499999997</v>
      </c>
      <c r="K41" s="44">
        <v>25953.313499999997</v>
      </c>
      <c r="L41" s="44">
        <v>25953.313499999997</v>
      </c>
      <c r="M41" s="44">
        <v>25953.313499999997</v>
      </c>
      <c r="N41" s="44">
        <v>25953.313499999997</v>
      </c>
      <c r="O41" s="44">
        <v>25953.313499999997</v>
      </c>
      <c r="P41" s="44">
        <v>25953.313499999997</v>
      </c>
      <c r="Q41" s="44">
        <v>25953.313499999997</v>
      </c>
      <c r="R41" s="44">
        <v>25953.313499999997</v>
      </c>
      <c r="S41" s="44">
        <v>25953.313499999997</v>
      </c>
      <c r="T41" s="44">
        <v>25953.313499999997</v>
      </c>
      <c r="U41" s="44">
        <v>25953.313499999997</v>
      </c>
      <c r="V41" s="44">
        <v>1767317.4647063331</v>
      </c>
    </row>
    <row r="42" spans="1:22">
      <c r="A42" s="39" t="s">
        <v>79</v>
      </c>
      <c r="B42" s="39"/>
      <c r="C42" s="45">
        <v>25953.313499999997</v>
      </c>
      <c r="D42" s="45">
        <v>25953.313499999997</v>
      </c>
      <c r="E42" s="45">
        <v>25953.313499999997</v>
      </c>
      <c r="F42" s="45">
        <v>25953.313499999997</v>
      </c>
      <c r="G42" s="45">
        <v>25953.313499999997</v>
      </c>
      <c r="H42" s="45">
        <v>25953.313499999997</v>
      </c>
      <c r="I42" s="45">
        <v>25953.313499999997</v>
      </c>
      <c r="J42" s="45">
        <v>25953.313499999997</v>
      </c>
      <c r="K42" s="45">
        <v>25953.313499999997</v>
      </c>
      <c r="L42" s="45">
        <v>25953.313499999997</v>
      </c>
      <c r="M42" s="45">
        <v>25953.313499999997</v>
      </c>
      <c r="N42" s="45">
        <v>25953.313499999997</v>
      </c>
      <c r="O42" s="45">
        <v>25953.313499999997</v>
      </c>
      <c r="P42" s="45">
        <v>25953.313499999997</v>
      </c>
      <c r="Q42" s="45">
        <v>25953.313499999997</v>
      </c>
      <c r="R42" s="45">
        <v>25953.313499999997</v>
      </c>
      <c r="S42" s="45">
        <v>25953.313499999997</v>
      </c>
      <c r="T42" s="45">
        <v>25953.313499999997</v>
      </c>
      <c r="U42" s="45">
        <v>25953.313499999997</v>
      </c>
      <c r="V42" s="45">
        <v>1764773.4113729999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4">
        <v>0</v>
      </c>
      <c r="M43" s="43">
        <v>0</v>
      </c>
      <c r="N43" s="43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2682404.4623189475</v>
      </c>
      <c r="C45" s="51">
        <v>164362.01229363325</v>
      </c>
      <c r="D45" s="51">
        <v>171812.22968363325</v>
      </c>
      <c r="E45" s="51">
        <v>273133.74540843308</v>
      </c>
      <c r="F45" s="51">
        <v>367009.17800843302</v>
      </c>
      <c r="G45" s="51">
        <v>419737.27960843319</v>
      </c>
      <c r="H45" s="51">
        <v>319632.6205608531</v>
      </c>
      <c r="I45" s="51">
        <v>311277.3811708531</v>
      </c>
      <c r="J45" s="51">
        <v>306675.3459460531</v>
      </c>
      <c r="K45" s="51">
        <v>305913.55554605304</v>
      </c>
      <c r="L45" s="51">
        <v>254653.55554605304</v>
      </c>
      <c r="M45" s="51">
        <v>239568.53703125316</v>
      </c>
      <c r="N45" s="51">
        <v>205493.45282125316</v>
      </c>
      <c r="O45" s="51">
        <v>265289.6669460531</v>
      </c>
      <c r="P45" s="51">
        <v>317639.79794605303</v>
      </c>
      <c r="Q45" s="51">
        <v>325102.59794605308</v>
      </c>
      <c r="R45" s="51">
        <v>319632.6205608531</v>
      </c>
      <c r="S45" s="51">
        <v>311277.3811708531</v>
      </c>
      <c r="T45" s="51">
        <v>306675.3459460531</v>
      </c>
      <c r="U45" s="51">
        <v>305913.55554605304</v>
      </c>
      <c r="V45" s="51">
        <v>2066108.4756913329</v>
      </c>
    </row>
    <row r="46" spans="1:22">
      <c r="A46" s="39"/>
      <c r="B46" s="39"/>
      <c r="C46" s="39"/>
      <c r="D46" s="39"/>
      <c r="E46" s="39"/>
      <c r="F46" s="39"/>
      <c r="G46" s="39"/>
      <c r="H46" s="39"/>
      <c r="I46" s="39"/>
      <c r="J46" s="39"/>
      <c r="K46" s="39"/>
      <c r="L46" s="39"/>
      <c r="M46" s="39"/>
      <c r="N46" s="39"/>
      <c r="O46" s="39"/>
      <c r="P46" s="39"/>
      <c r="Q46" s="39"/>
      <c r="R46" s="39"/>
      <c r="S46" s="39"/>
      <c r="T46" s="39"/>
      <c r="U46" s="39"/>
      <c r="V46" s="39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416670.01012033341</v>
      </c>
      <c r="D55" s="58">
        <v>563377.48362033337</v>
      </c>
      <c r="E55" s="58">
        <v>699046.12134033337</v>
      </c>
      <c r="F55" s="58">
        <v>823419.9213403333</v>
      </c>
      <c r="G55" s="58">
        <v>945553.16134033329</v>
      </c>
      <c r="H55" s="58">
        <v>651127.69355333329</v>
      </c>
      <c r="I55" s="58">
        <v>626553.4600533332</v>
      </c>
      <c r="J55" s="58">
        <v>613018.06233333331</v>
      </c>
      <c r="K55" s="58">
        <v>610777.50233333325</v>
      </c>
      <c r="L55" s="58">
        <v>621777.50233333325</v>
      </c>
      <c r="M55" s="58">
        <v>637865.6711133332</v>
      </c>
      <c r="N55" s="58">
        <v>662439.90461333329</v>
      </c>
      <c r="O55" s="58">
        <v>675975.3023333333</v>
      </c>
      <c r="P55" s="58">
        <v>678215.86233333324</v>
      </c>
      <c r="Q55" s="58">
        <v>667215.86233333324</v>
      </c>
      <c r="R55" s="58">
        <v>651127.69355333329</v>
      </c>
      <c r="S55" s="58">
        <v>626553.4600533332</v>
      </c>
      <c r="T55" s="58">
        <v>613018.06233333331</v>
      </c>
      <c r="U55" s="58">
        <v>610777.50233333325</v>
      </c>
      <c r="V55" s="59">
        <v>610777.50233333325</v>
      </c>
    </row>
    <row r="56" spans="1:22">
      <c r="A56" s="60" t="s">
        <v>83</v>
      </c>
      <c r="B56" s="61"/>
      <c r="C56" s="63">
        <v>393870.53900700004</v>
      </c>
      <c r="D56" s="63">
        <v>516003.77900700003</v>
      </c>
      <c r="E56" s="63">
        <v>638137.01900700002</v>
      </c>
      <c r="F56" s="63">
        <v>760270.25900700002</v>
      </c>
      <c r="G56" s="63">
        <v>882403.49900700001</v>
      </c>
      <c r="H56" s="63">
        <v>610666.19999999995</v>
      </c>
      <c r="I56" s="63">
        <v>610666.19999999995</v>
      </c>
      <c r="J56" s="63">
        <v>610666.19999999995</v>
      </c>
      <c r="K56" s="63">
        <v>610666.19999999995</v>
      </c>
      <c r="L56" s="63">
        <v>610666.19999999995</v>
      </c>
      <c r="M56" s="63">
        <v>610666.19999999995</v>
      </c>
      <c r="N56" s="63">
        <v>610666.19999999995</v>
      </c>
      <c r="O56" s="63">
        <v>610666.19999999995</v>
      </c>
      <c r="P56" s="63">
        <v>610666.19999999995</v>
      </c>
      <c r="Q56" s="63">
        <v>610666.19999999995</v>
      </c>
      <c r="R56" s="63">
        <v>610666.19999999995</v>
      </c>
      <c r="S56" s="63">
        <v>610666.19999999995</v>
      </c>
      <c r="T56" s="63">
        <v>610666.19999999995</v>
      </c>
      <c r="U56" s="63">
        <v>610666.19999999995</v>
      </c>
      <c r="V56" s="64">
        <v>610666.19999999995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2688.16878</v>
      </c>
      <c r="D58" s="71">
        <v>47262.402279999995</v>
      </c>
      <c r="E58" s="71">
        <v>60797.799999999996</v>
      </c>
      <c r="F58" s="71">
        <v>63038.359999999993</v>
      </c>
      <c r="G58" s="71">
        <v>63038.359999999993</v>
      </c>
      <c r="H58" s="71">
        <v>40350.191220000001</v>
      </c>
      <c r="I58" s="71">
        <v>15775.957720000002</v>
      </c>
      <c r="J58" s="71">
        <v>2240.56</v>
      </c>
      <c r="K58" s="71">
        <v>0</v>
      </c>
      <c r="L58" s="71">
        <v>11000</v>
      </c>
      <c r="M58" s="71">
        <v>27088.16878</v>
      </c>
      <c r="N58" s="71">
        <v>51662.402279999995</v>
      </c>
      <c r="O58" s="71">
        <v>65197.8</v>
      </c>
      <c r="P58" s="71">
        <v>67438.36</v>
      </c>
      <c r="Q58" s="71">
        <v>56438.36</v>
      </c>
      <c r="R58" s="71">
        <v>40350.191220000001</v>
      </c>
      <c r="S58" s="71">
        <v>15775.957720000002</v>
      </c>
      <c r="T58" s="71">
        <v>2240.56</v>
      </c>
      <c r="U58" s="71">
        <v>0</v>
      </c>
      <c r="V58" s="72">
        <v>0</v>
      </c>
    </row>
    <row r="88" spans="11:11" ht="12.75">
      <c r="K88" s="103" t="s">
        <v>115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>
  <sheetPr codeName="Plan16"/>
  <dimension ref="A1:V88"/>
  <sheetViews>
    <sheetView tabSelected="1" view="pageBreakPreview" topLeftCell="A19" zoomScale="80" zoomScaleNormal="100" zoomScaleSheetLayoutView="80" workbookViewId="0">
      <selection activeCell="L5" sqref="L5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15" width="10.5703125" style="2" customWidth="1"/>
    <col min="16" max="22" width="10.42578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4" customHeight="1">
      <c r="A1" s="82" t="s">
        <v>129</v>
      </c>
    </row>
    <row r="4" spans="1:22" ht="18">
      <c r="A4" s="82" t="s">
        <v>143</v>
      </c>
    </row>
    <row r="5" spans="1:22" ht="15.75">
      <c r="A5" s="87" t="s">
        <v>50</v>
      </c>
    </row>
    <row r="6" spans="1:22" ht="15.75">
      <c r="A6" s="87" t="s">
        <v>102</v>
      </c>
    </row>
    <row r="7" spans="1:22" ht="12.75">
      <c r="A7" s="91" t="s">
        <v>55</v>
      </c>
      <c r="B7" s="92"/>
      <c r="C7" s="93">
        <v>10</v>
      </c>
    </row>
    <row r="8" spans="1:22" ht="12.75">
      <c r="A8" s="94" t="s">
        <v>57</v>
      </c>
      <c r="B8" s="95"/>
      <c r="C8" s="101">
        <v>28384.583591331364</v>
      </c>
    </row>
    <row r="9" spans="1:22" ht="12.75">
      <c r="A9" s="97"/>
      <c r="B9" s="97"/>
      <c r="C9" s="98"/>
    </row>
    <row r="10" spans="1:22" ht="12.75">
      <c r="A10" s="91" t="s">
        <v>58</v>
      </c>
      <c r="B10" s="92"/>
      <c r="C10" s="99">
        <v>14069.522985870222</v>
      </c>
    </row>
    <row r="11" spans="1:22" ht="12.75">
      <c r="A11" s="91" t="s">
        <v>59</v>
      </c>
      <c r="B11" s="92"/>
      <c r="C11" s="99">
        <v>6040.8787320000001</v>
      </c>
    </row>
    <row r="12" spans="1:22" ht="12.75">
      <c r="A12" s="91" t="s">
        <v>60</v>
      </c>
      <c r="B12" s="92"/>
      <c r="C12" s="100">
        <v>8028.6442538702222</v>
      </c>
    </row>
    <row r="13" spans="1:22" ht="12.75">
      <c r="A13" s="91" t="s">
        <v>61</v>
      </c>
      <c r="B13" s="92"/>
      <c r="C13" s="99">
        <v>8013.5999999999995</v>
      </c>
    </row>
    <row r="14" spans="1:22">
      <c r="A14" s="39"/>
      <c r="B14" s="39"/>
      <c r="C14" s="40"/>
    </row>
    <row r="15" spans="1:22" ht="18">
      <c r="A15" s="104" t="s">
        <v>144</v>
      </c>
      <c r="C15" s="40"/>
      <c r="D15" s="27"/>
      <c r="V15" s="41" t="s">
        <v>62</v>
      </c>
    </row>
    <row r="16" spans="1:22">
      <c r="A16" s="42"/>
      <c r="B16" s="42" t="s">
        <v>2</v>
      </c>
      <c r="C16" s="42" t="s">
        <v>3</v>
      </c>
      <c r="D16" s="42" t="s">
        <v>4</v>
      </c>
      <c r="E16" s="42" t="s">
        <v>5</v>
      </c>
      <c r="F16" s="42" t="s">
        <v>6</v>
      </c>
      <c r="G16" s="42" t="s">
        <v>7</v>
      </c>
      <c r="H16" s="42" t="s">
        <v>8</v>
      </c>
      <c r="I16" s="42" t="s">
        <v>9</v>
      </c>
      <c r="J16" s="42" t="s">
        <v>10</v>
      </c>
      <c r="K16" s="42" t="s">
        <v>11</v>
      </c>
      <c r="L16" s="42" t="s">
        <v>12</v>
      </c>
      <c r="M16" s="42" t="s">
        <v>13</v>
      </c>
      <c r="N16" s="42" t="s">
        <v>14</v>
      </c>
      <c r="O16" s="42" t="s">
        <v>15</v>
      </c>
      <c r="P16" s="42" t="s">
        <v>16</v>
      </c>
      <c r="Q16" s="42" t="s">
        <v>17</v>
      </c>
      <c r="R16" s="42" t="s">
        <v>18</v>
      </c>
      <c r="S16" s="42" t="s">
        <v>19</v>
      </c>
      <c r="T16" s="42" t="s">
        <v>20</v>
      </c>
      <c r="U16" s="42" t="s">
        <v>21</v>
      </c>
      <c r="V16" s="42" t="s">
        <v>22</v>
      </c>
    </row>
    <row r="17" spans="1:22">
      <c r="A17" s="39" t="s">
        <v>63</v>
      </c>
      <c r="B17" s="39"/>
      <c r="C17" s="40">
        <v>3406150.030959764</v>
      </c>
      <c r="D17" s="40">
        <v>3406150.030959764</v>
      </c>
      <c r="E17" s="40">
        <v>3406150.030959764</v>
      </c>
      <c r="F17" s="40">
        <v>3406150.030959764</v>
      </c>
      <c r="G17" s="40">
        <v>3406150.030959764</v>
      </c>
      <c r="H17" s="40">
        <v>3406150.030959764</v>
      </c>
      <c r="I17" s="40">
        <v>3406150.030959764</v>
      </c>
      <c r="J17" s="40">
        <v>3406150.030959764</v>
      </c>
      <c r="K17" s="40">
        <v>3406150.030959764</v>
      </c>
      <c r="L17" s="40">
        <v>3406150.030959764</v>
      </c>
      <c r="M17" s="40">
        <v>3406150.030959764</v>
      </c>
      <c r="N17" s="40">
        <v>3406150.030959764</v>
      </c>
      <c r="O17" s="40">
        <v>3406150.030959764</v>
      </c>
      <c r="P17" s="40">
        <v>3406150.030959764</v>
      </c>
      <c r="Q17" s="40">
        <v>3406150.030959764</v>
      </c>
      <c r="R17" s="40">
        <v>3406150.030959764</v>
      </c>
      <c r="S17" s="40">
        <v>3406150.030959764</v>
      </c>
      <c r="T17" s="40">
        <v>3406150.030959764</v>
      </c>
      <c r="U17" s="40">
        <v>3406150.030959764</v>
      </c>
      <c r="V17" s="40">
        <v>3406150.030959764</v>
      </c>
    </row>
    <row r="18" spans="1:22">
      <c r="A18" s="43" t="s">
        <v>64</v>
      </c>
      <c r="B18" s="43"/>
      <c r="C18" s="44">
        <v>68123.000619195285</v>
      </c>
      <c r="D18" s="44">
        <v>68123.000619195285</v>
      </c>
      <c r="E18" s="44">
        <v>68123.000619195285</v>
      </c>
      <c r="F18" s="44">
        <v>68123.000619195285</v>
      </c>
      <c r="G18" s="44">
        <v>68123.000619195285</v>
      </c>
      <c r="H18" s="44">
        <v>68123.000619195285</v>
      </c>
      <c r="I18" s="44">
        <v>68123.000619195285</v>
      </c>
      <c r="J18" s="44">
        <v>68123.000619195285</v>
      </c>
      <c r="K18" s="44">
        <v>68123.000619195285</v>
      </c>
      <c r="L18" s="44">
        <v>68123.000619195285</v>
      </c>
      <c r="M18" s="44">
        <v>68123.000619195285</v>
      </c>
      <c r="N18" s="44">
        <v>68123.000619195285</v>
      </c>
      <c r="O18" s="44">
        <v>68123.000619195285</v>
      </c>
      <c r="P18" s="44">
        <v>68123.000619195285</v>
      </c>
      <c r="Q18" s="44">
        <v>68123.000619195285</v>
      </c>
      <c r="R18" s="44">
        <v>68123.000619195285</v>
      </c>
      <c r="S18" s="44">
        <v>68123.000619195285</v>
      </c>
      <c r="T18" s="44">
        <v>68123.000619195285</v>
      </c>
      <c r="U18" s="44">
        <v>68123.000619195285</v>
      </c>
      <c r="V18" s="44">
        <v>68123.000619195285</v>
      </c>
    </row>
    <row r="19" spans="1:22">
      <c r="A19" s="39" t="s">
        <v>65</v>
      </c>
      <c r="B19" s="39"/>
      <c r="C19" s="45">
        <v>3338027.0303405686</v>
      </c>
      <c r="D19" s="45">
        <v>3338027.0303405686</v>
      </c>
      <c r="E19" s="45">
        <v>3338027.0303405686</v>
      </c>
      <c r="F19" s="45">
        <v>3338027.0303405686</v>
      </c>
      <c r="G19" s="45">
        <v>3338027.0303405686</v>
      </c>
      <c r="H19" s="45">
        <v>3338027.0303405686</v>
      </c>
      <c r="I19" s="45">
        <v>3338027.0303405686</v>
      </c>
      <c r="J19" s="45">
        <v>3338027.0303405686</v>
      </c>
      <c r="K19" s="45">
        <v>3338027.0303405686</v>
      </c>
      <c r="L19" s="45">
        <v>3338027.0303405686</v>
      </c>
      <c r="M19" s="45">
        <v>3338027.0303405686</v>
      </c>
      <c r="N19" s="45">
        <v>3338027.0303405686</v>
      </c>
      <c r="O19" s="45">
        <v>3338027.0303405686</v>
      </c>
      <c r="P19" s="45">
        <v>3338027.0303405686</v>
      </c>
      <c r="Q19" s="45">
        <v>3338027.0303405686</v>
      </c>
      <c r="R19" s="45">
        <v>3338027.0303405686</v>
      </c>
      <c r="S19" s="45">
        <v>3338027.0303405686</v>
      </c>
      <c r="T19" s="45">
        <v>3338027.0303405686</v>
      </c>
      <c r="U19" s="45">
        <v>3338027.0303405686</v>
      </c>
      <c r="V19" s="45">
        <v>3338027.0303405686</v>
      </c>
    </row>
    <row r="20" spans="1:22">
      <c r="A20" s="39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</row>
    <row r="21" spans="1:22">
      <c r="A21" s="43" t="s">
        <v>66</v>
      </c>
      <c r="B21" s="43"/>
      <c r="C21" s="44">
        <v>1779081.9583044266</v>
      </c>
      <c r="D21" s="44">
        <v>1779081.9583044266</v>
      </c>
      <c r="E21" s="44">
        <v>1779081.9583044266</v>
      </c>
      <c r="F21" s="44">
        <v>1786484.7583044267</v>
      </c>
      <c r="G21" s="44">
        <v>1786484.7583044267</v>
      </c>
      <c r="H21" s="44">
        <v>1786484.7583044267</v>
      </c>
      <c r="I21" s="44">
        <v>1786484.7583044267</v>
      </c>
      <c r="J21" s="44">
        <v>1786484.7583044267</v>
      </c>
      <c r="K21" s="44">
        <v>1786484.7583044267</v>
      </c>
      <c r="L21" s="44">
        <v>1786484.7583044267</v>
      </c>
      <c r="M21" s="46">
        <v>1779081.9583044266</v>
      </c>
      <c r="N21" s="46">
        <v>1779081.9583044266</v>
      </c>
      <c r="O21" s="46">
        <v>1779081.9583044266</v>
      </c>
      <c r="P21" s="46">
        <v>1786484.7583044267</v>
      </c>
      <c r="Q21" s="46">
        <v>1786484.7583044267</v>
      </c>
      <c r="R21" s="46">
        <v>1786484.7583044267</v>
      </c>
      <c r="S21" s="46">
        <v>1786484.7583044267</v>
      </c>
      <c r="T21" s="46">
        <v>1786484.7583044267</v>
      </c>
      <c r="U21" s="46">
        <v>1786484.7583044267</v>
      </c>
      <c r="V21" s="46">
        <v>1786484.7583044267</v>
      </c>
    </row>
    <row r="22" spans="1:22">
      <c r="A22" s="39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39"/>
      <c r="S22" s="39"/>
      <c r="T22" s="39"/>
      <c r="U22" s="39"/>
      <c r="V22" s="39"/>
    </row>
    <row r="23" spans="1:22">
      <c r="A23" s="39" t="s">
        <v>67</v>
      </c>
      <c r="B23" s="39"/>
      <c r="C23" s="40">
        <v>621401.92029433337</v>
      </c>
      <c r="D23" s="40">
        <v>835189.66607433348</v>
      </c>
      <c r="E23" s="40">
        <v>1043403.2915143333</v>
      </c>
      <c r="F23" s="40">
        <v>1231455.3315143334</v>
      </c>
      <c r="G23" s="40">
        <v>1415026.2515143333</v>
      </c>
      <c r="H23" s="40">
        <v>977306.55355333316</v>
      </c>
      <c r="I23" s="40">
        <v>947089.7277733332</v>
      </c>
      <c r="J23" s="40">
        <v>922447.02233333315</v>
      </c>
      <c r="K23" s="40">
        <v>917965.90233333316</v>
      </c>
      <c r="L23" s="40">
        <v>939965.90233333316</v>
      </c>
      <c r="M23" s="40">
        <v>956054.07111333311</v>
      </c>
      <c r="N23" s="40">
        <v>986270.89689333318</v>
      </c>
      <c r="O23" s="40">
        <v>1010913.6023333331</v>
      </c>
      <c r="P23" s="40">
        <v>1015394.7223333331</v>
      </c>
      <c r="Q23" s="40">
        <v>993394.72233333322</v>
      </c>
      <c r="R23" s="40">
        <v>977306.55355333316</v>
      </c>
      <c r="S23" s="40">
        <v>947089.7277733332</v>
      </c>
      <c r="T23" s="40">
        <v>922447.02233333315</v>
      </c>
      <c r="U23" s="40">
        <v>917965.90233333316</v>
      </c>
      <c r="V23" s="40">
        <v>917965.90233333316</v>
      </c>
    </row>
    <row r="24" spans="1:22">
      <c r="A24" s="39"/>
      <c r="B24" s="39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</row>
    <row r="25" spans="1:22">
      <c r="A25" s="43" t="s">
        <v>68</v>
      </c>
      <c r="B25" s="43"/>
      <c r="C25" s="46">
        <v>937543.15174180863</v>
      </c>
      <c r="D25" s="46">
        <v>723755.40596180852</v>
      </c>
      <c r="E25" s="46">
        <v>515541.78052180866</v>
      </c>
      <c r="F25" s="46">
        <v>320086.94052180857</v>
      </c>
      <c r="G25" s="46">
        <v>136516.02052180865</v>
      </c>
      <c r="H25" s="46">
        <v>574235.71848280879</v>
      </c>
      <c r="I25" s="46">
        <v>604452.54426280875</v>
      </c>
      <c r="J25" s="46">
        <v>629095.2497028088</v>
      </c>
      <c r="K25" s="46">
        <v>633576.36970280879</v>
      </c>
      <c r="L25" s="46">
        <v>611576.36970280879</v>
      </c>
      <c r="M25" s="46">
        <v>602891.00092280889</v>
      </c>
      <c r="N25" s="46">
        <v>572674.17514280882</v>
      </c>
      <c r="O25" s="46">
        <v>548031.46970280888</v>
      </c>
      <c r="P25" s="46">
        <v>536147.54970280884</v>
      </c>
      <c r="Q25" s="46">
        <v>558147.54970280873</v>
      </c>
      <c r="R25" s="46">
        <v>574235.71848280879</v>
      </c>
      <c r="S25" s="46">
        <v>604452.54426280875</v>
      </c>
      <c r="T25" s="46">
        <v>629095.2497028088</v>
      </c>
      <c r="U25" s="46">
        <v>633576.36970280879</v>
      </c>
      <c r="V25" s="46">
        <v>633576.36970280879</v>
      </c>
    </row>
    <row r="26" spans="1:22">
      <c r="A26" s="39"/>
      <c r="B26" s="39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</row>
    <row r="27" spans="1:22">
      <c r="A27" s="39" t="s">
        <v>69</v>
      </c>
      <c r="B27" s="39"/>
      <c r="C27" s="40">
        <v>318764.67159221496</v>
      </c>
      <c r="D27" s="40">
        <v>246076.83802701492</v>
      </c>
      <c r="E27" s="40">
        <v>175284.20537741497</v>
      </c>
      <c r="F27" s="40">
        <v>108829.55977741492</v>
      </c>
      <c r="G27" s="40">
        <v>46415.44697741494</v>
      </c>
      <c r="H27" s="40">
        <v>195240.14428415502</v>
      </c>
      <c r="I27" s="40">
        <v>205513.86504935499</v>
      </c>
      <c r="J27" s="40">
        <v>213892.384898955</v>
      </c>
      <c r="K27" s="40">
        <v>215415.965698955</v>
      </c>
      <c r="L27" s="40">
        <v>207935.965698955</v>
      </c>
      <c r="M27" s="40">
        <v>204982.94031375504</v>
      </c>
      <c r="N27" s="40">
        <v>194709.219548555</v>
      </c>
      <c r="O27" s="40">
        <v>186330.69969895502</v>
      </c>
      <c r="P27" s="40">
        <v>182290.16689895501</v>
      </c>
      <c r="Q27" s="40">
        <v>189770.16689895498</v>
      </c>
      <c r="R27" s="40">
        <v>195240.14428415502</v>
      </c>
      <c r="S27" s="40">
        <v>205513.86504935499</v>
      </c>
      <c r="T27" s="40">
        <v>213892.384898955</v>
      </c>
      <c r="U27" s="40">
        <v>215415.965698955</v>
      </c>
      <c r="V27" s="40">
        <v>215415.965698955</v>
      </c>
    </row>
    <row r="28" spans="1:22">
      <c r="A28" s="39"/>
      <c r="B28" s="39"/>
      <c r="C28" s="39"/>
      <c r="D28" s="39"/>
      <c r="E28" s="39"/>
      <c r="F28" s="39"/>
      <c r="G28" s="39"/>
      <c r="H28" s="39"/>
      <c r="I28" s="39"/>
      <c r="J28" s="39"/>
      <c r="K28" s="39"/>
      <c r="L28" s="39"/>
      <c r="M28" s="39"/>
      <c r="N28" s="39"/>
      <c r="O28" s="39"/>
      <c r="P28" s="39"/>
      <c r="Q28" s="39"/>
      <c r="R28" s="39"/>
      <c r="S28" s="39"/>
      <c r="T28" s="39"/>
      <c r="U28" s="39"/>
      <c r="V28" s="39"/>
    </row>
    <row r="29" spans="1:22">
      <c r="A29" s="43" t="s">
        <v>70</v>
      </c>
      <c r="B29" s="43"/>
      <c r="C29" s="46">
        <v>618778.48014959367</v>
      </c>
      <c r="D29" s="46">
        <v>477678.56793479359</v>
      </c>
      <c r="E29" s="46">
        <v>340257.57514439372</v>
      </c>
      <c r="F29" s="46">
        <v>211257.38074439365</v>
      </c>
      <c r="G29" s="46">
        <v>90100.573544393701</v>
      </c>
      <c r="H29" s="46">
        <v>378995.57419865381</v>
      </c>
      <c r="I29" s="46">
        <v>398938.67921345378</v>
      </c>
      <c r="J29" s="46">
        <v>415202.86480385379</v>
      </c>
      <c r="K29" s="46">
        <v>418160.40400385379</v>
      </c>
      <c r="L29" s="46">
        <v>403640.40400385379</v>
      </c>
      <c r="M29" s="46">
        <v>397908.06060905382</v>
      </c>
      <c r="N29" s="46">
        <v>377964.95559425384</v>
      </c>
      <c r="O29" s="46">
        <v>361700.77000385383</v>
      </c>
      <c r="P29" s="46">
        <v>353857.38280385383</v>
      </c>
      <c r="Q29" s="46">
        <v>368377.38280385372</v>
      </c>
      <c r="R29" s="46">
        <v>378995.57419865381</v>
      </c>
      <c r="S29" s="46">
        <v>398938.67921345378</v>
      </c>
      <c r="T29" s="46">
        <v>415202.86480385379</v>
      </c>
      <c r="U29" s="46">
        <v>418160.40400385379</v>
      </c>
      <c r="V29" s="46">
        <v>418160.40400385379</v>
      </c>
    </row>
    <row r="30" spans="1:22">
      <c r="A30" s="39"/>
      <c r="B30" s="39"/>
      <c r="C30" s="39"/>
      <c r="D30" s="39"/>
      <c r="E30" s="39"/>
      <c r="F30" s="39"/>
      <c r="G30" s="39"/>
      <c r="H30" s="39"/>
      <c r="I30" s="39"/>
      <c r="J30" s="39"/>
      <c r="K30" s="39"/>
      <c r="L30" s="39"/>
      <c r="M30" s="39"/>
      <c r="N30" s="39"/>
      <c r="O30" s="39"/>
      <c r="P30" s="39"/>
      <c r="Q30" s="39"/>
      <c r="R30" s="39"/>
      <c r="S30" s="39"/>
      <c r="T30" s="39"/>
      <c r="U30" s="39"/>
      <c r="V30" s="39"/>
    </row>
    <row r="31" spans="1:22">
      <c r="A31" s="39" t="s">
        <v>71</v>
      </c>
      <c r="B31" s="39"/>
      <c r="C31" s="40">
        <v>621401.92029433337</v>
      </c>
      <c r="D31" s="40">
        <v>835189.66607433348</v>
      </c>
      <c r="E31" s="40">
        <v>1043403.2915143333</v>
      </c>
      <c r="F31" s="40">
        <v>1231455.3315143334</v>
      </c>
      <c r="G31" s="40">
        <v>1415026.2515143333</v>
      </c>
      <c r="H31" s="40">
        <v>977306.55355333316</v>
      </c>
      <c r="I31" s="40">
        <v>947089.7277733332</v>
      </c>
      <c r="J31" s="40">
        <v>922447.02233333315</v>
      </c>
      <c r="K31" s="40">
        <v>917965.90233333316</v>
      </c>
      <c r="L31" s="40">
        <v>939965.90233333316</v>
      </c>
      <c r="M31" s="40">
        <v>956054.07111333311</v>
      </c>
      <c r="N31" s="40">
        <v>986270.89689333318</v>
      </c>
      <c r="O31" s="40">
        <v>1010913.6023333331</v>
      </c>
      <c r="P31" s="40">
        <v>1015394.7223333331</v>
      </c>
      <c r="Q31" s="40">
        <v>993394.72233333322</v>
      </c>
      <c r="R31" s="40">
        <v>977306.55355333316</v>
      </c>
      <c r="S31" s="40">
        <v>947089.7277733332</v>
      </c>
      <c r="T31" s="40">
        <v>922447.02233333315</v>
      </c>
      <c r="U31" s="40">
        <v>917965.90233333316</v>
      </c>
      <c r="V31" s="40">
        <v>917965.90233333316</v>
      </c>
    </row>
    <row r="32" spans="1:22">
      <c r="A32" s="39"/>
      <c r="B32" s="39"/>
      <c r="C32" s="39"/>
      <c r="D32" s="39"/>
      <c r="E32" s="39"/>
      <c r="F32" s="39"/>
      <c r="G32" s="39"/>
      <c r="H32" s="39"/>
      <c r="I32" s="39"/>
      <c r="J32" s="39"/>
      <c r="K32" s="39"/>
      <c r="L32" s="39"/>
      <c r="M32" s="39"/>
      <c r="N32" s="39"/>
      <c r="O32" s="39"/>
      <c r="P32" s="39"/>
      <c r="Q32" s="39"/>
      <c r="R32" s="39"/>
      <c r="S32" s="39"/>
      <c r="T32" s="39"/>
      <c r="U32" s="39"/>
      <c r="V32" s="39"/>
    </row>
    <row r="33" spans="1:22">
      <c r="A33" s="43" t="s">
        <v>72</v>
      </c>
      <c r="B33" s="43"/>
      <c r="C33" s="46">
        <v>1240180.4004439269</v>
      </c>
      <c r="D33" s="46">
        <v>1312868.2340091271</v>
      </c>
      <c r="E33" s="46">
        <v>1383660.8666587272</v>
      </c>
      <c r="F33" s="46">
        <v>1442712.7122587271</v>
      </c>
      <c r="G33" s="46">
        <v>1505126.8250587271</v>
      </c>
      <c r="H33" s="46">
        <v>1356302.127751987</v>
      </c>
      <c r="I33" s="46">
        <v>1346028.406986787</v>
      </c>
      <c r="J33" s="46">
        <v>1337649.8871371869</v>
      </c>
      <c r="K33" s="46">
        <v>1336126.3063371871</v>
      </c>
      <c r="L33" s="46">
        <v>1343606.3063371871</v>
      </c>
      <c r="M33" s="46">
        <v>1353962.1317223869</v>
      </c>
      <c r="N33" s="46">
        <v>1364235.8524875869</v>
      </c>
      <c r="O33" s="46">
        <v>1372614.3723371869</v>
      </c>
      <c r="P33" s="46">
        <v>1369252.1051371871</v>
      </c>
      <c r="Q33" s="46">
        <v>1361772.1051371871</v>
      </c>
      <c r="R33" s="46">
        <v>1356302.127751987</v>
      </c>
      <c r="S33" s="46">
        <v>1346028.406986787</v>
      </c>
      <c r="T33" s="46">
        <v>1337649.8871371869</v>
      </c>
      <c r="U33" s="46">
        <v>1336126.3063371871</v>
      </c>
      <c r="V33" s="46">
        <v>1336126.3063371871</v>
      </c>
    </row>
    <row r="34" spans="1:22">
      <c r="A34" s="39"/>
      <c r="B34" s="39"/>
      <c r="C34" s="39"/>
      <c r="D34" s="39"/>
      <c r="E34" s="39"/>
      <c r="F34" s="39"/>
      <c r="G34" s="39"/>
      <c r="H34" s="39"/>
      <c r="I34" s="39"/>
      <c r="J34" s="39"/>
      <c r="K34" s="39"/>
      <c r="L34" s="39"/>
      <c r="M34" s="39"/>
      <c r="N34" s="39"/>
      <c r="O34" s="39"/>
      <c r="P34" s="39"/>
      <c r="Q34" s="39"/>
      <c r="R34" s="39"/>
      <c r="S34" s="39"/>
      <c r="T34" s="39"/>
      <c r="U34" s="39"/>
      <c r="V34" s="39"/>
    </row>
    <row r="35" spans="1:22">
      <c r="A35" s="39" t="s">
        <v>73</v>
      </c>
      <c r="B35" s="45">
        <v>4041824.0802701986</v>
      </c>
      <c r="C35" s="45">
        <v>998295.44389999995</v>
      </c>
      <c r="D35" s="45">
        <v>1068938.7289</v>
      </c>
      <c r="E35" s="45">
        <v>1041068.1272</v>
      </c>
      <c r="F35" s="45">
        <v>940260.2</v>
      </c>
      <c r="G35" s="45">
        <v>917854.6</v>
      </c>
      <c r="H35" s="45">
        <v>917854.6</v>
      </c>
      <c r="I35" s="45">
        <v>917854.6</v>
      </c>
      <c r="J35" s="45">
        <v>917854.6</v>
      </c>
      <c r="K35" s="45">
        <v>917854.6</v>
      </c>
      <c r="L35" s="45">
        <v>1027854.6</v>
      </c>
      <c r="M35" s="45">
        <v>998295.44389999995</v>
      </c>
      <c r="N35" s="45">
        <v>1068938.7289</v>
      </c>
      <c r="O35" s="45">
        <v>1041068.1272</v>
      </c>
      <c r="P35" s="45">
        <v>940260.2</v>
      </c>
      <c r="Q35" s="45">
        <v>917854.6</v>
      </c>
      <c r="R35" s="45">
        <v>917854.6</v>
      </c>
      <c r="S35" s="45">
        <v>917854.6</v>
      </c>
      <c r="T35" s="45">
        <v>917854.6</v>
      </c>
      <c r="U35" s="45">
        <v>917854.6</v>
      </c>
      <c r="V35" s="45">
        <v>893483.61426980235</v>
      </c>
    </row>
    <row r="36" spans="1:22">
      <c r="A36" s="47" t="s">
        <v>74</v>
      </c>
      <c r="B36" s="46">
        <v>3946682.9945400008</v>
      </c>
      <c r="C36" s="46">
        <v>917854.6</v>
      </c>
      <c r="D36" s="46">
        <v>917854.6</v>
      </c>
      <c r="E36" s="46">
        <v>917854.6</v>
      </c>
      <c r="F36" s="46">
        <v>917854.6</v>
      </c>
      <c r="G36" s="46">
        <v>917854.6</v>
      </c>
      <c r="H36" s="46">
        <v>917854.6</v>
      </c>
      <c r="I36" s="46">
        <v>917854.6</v>
      </c>
      <c r="J36" s="46">
        <v>917854.6</v>
      </c>
      <c r="K36" s="46">
        <v>917854.6</v>
      </c>
      <c r="L36" s="46">
        <v>917854.6</v>
      </c>
      <c r="M36" s="46">
        <v>917854.6</v>
      </c>
      <c r="N36" s="46">
        <v>917854.6</v>
      </c>
      <c r="O36" s="46">
        <v>917854.6</v>
      </c>
      <c r="P36" s="46">
        <v>917854.6</v>
      </c>
      <c r="Q36" s="46">
        <v>917854.6</v>
      </c>
      <c r="R36" s="46">
        <v>917854.6</v>
      </c>
      <c r="S36" s="46">
        <v>917854.6</v>
      </c>
      <c r="T36" s="46">
        <v>917854.6</v>
      </c>
      <c r="U36" s="46">
        <v>917854.6</v>
      </c>
      <c r="V36" s="46">
        <v>917854.6</v>
      </c>
    </row>
    <row r="37" spans="1:22">
      <c r="A37" s="48" t="s">
        <v>75</v>
      </c>
      <c r="B37" s="40">
        <v>66000</v>
      </c>
      <c r="C37" s="40">
        <v>80440.843899999993</v>
      </c>
      <c r="D37" s="40">
        <v>151084.12890000001</v>
      </c>
      <c r="E37" s="40">
        <v>123213.52720000001</v>
      </c>
      <c r="F37" s="40">
        <v>22405.599999999999</v>
      </c>
      <c r="G37" s="40">
        <v>0</v>
      </c>
      <c r="H37" s="40">
        <v>0</v>
      </c>
      <c r="I37" s="40">
        <v>0</v>
      </c>
      <c r="J37" s="40">
        <v>0</v>
      </c>
      <c r="K37" s="40">
        <v>0</v>
      </c>
      <c r="L37" s="40">
        <v>110000</v>
      </c>
      <c r="M37" s="40">
        <v>80440.843899999993</v>
      </c>
      <c r="N37" s="40">
        <v>151084.12890000001</v>
      </c>
      <c r="O37" s="40">
        <v>123213.52720000001</v>
      </c>
      <c r="P37" s="40">
        <v>22405.599999999999</v>
      </c>
      <c r="Q37" s="40">
        <v>0</v>
      </c>
      <c r="R37" s="40">
        <v>0</v>
      </c>
      <c r="S37" s="40">
        <v>0</v>
      </c>
      <c r="T37" s="40">
        <v>0</v>
      </c>
      <c r="U37" s="40">
        <v>0</v>
      </c>
      <c r="V37" s="40">
        <v>0</v>
      </c>
    </row>
    <row r="38" spans="1:22">
      <c r="A38" s="47" t="s">
        <v>76</v>
      </c>
      <c r="B38" s="49">
        <v>4770.1000000000004</v>
      </c>
      <c r="C38" s="43">
        <v>0</v>
      </c>
      <c r="D38" s="43">
        <v>0</v>
      </c>
      <c r="E38" s="43">
        <v>0</v>
      </c>
      <c r="F38" s="43">
        <v>0</v>
      </c>
      <c r="G38" s="43">
        <v>0</v>
      </c>
      <c r="H38" s="43">
        <v>0</v>
      </c>
      <c r="I38" s="43">
        <v>0</v>
      </c>
      <c r="J38" s="43">
        <v>0</v>
      </c>
      <c r="K38" s="43">
        <v>0</v>
      </c>
      <c r="L38" s="43">
        <v>0</v>
      </c>
      <c r="M38" s="43"/>
      <c r="N38" s="43"/>
      <c r="O38" s="43"/>
      <c r="P38" s="43"/>
      <c r="Q38" s="43"/>
      <c r="R38" s="43"/>
      <c r="S38" s="43"/>
      <c r="T38" s="43"/>
      <c r="U38" s="43"/>
      <c r="V38" s="43"/>
    </row>
    <row r="39" spans="1:22">
      <c r="A39" s="48" t="s">
        <v>77</v>
      </c>
      <c r="B39" s="40">
        <v>24370.985730197626</v>
      </c>
      <c r="C39" s="39">
        <v>0</v>
      </c>
      <c r="D39" s="39">
        <v>0</v>
      </c>
      <c r="E39" s="39">
        <v>0</v>
      </c>
      <c r="F39" s="39">
        <v>0</v>
      </c>
      <c r="G39" s="39">
        <v>0</v>
      </c>
      <c r="H39" s="39">
        <v>0</v>
      </c>
      <c r="I39" s="39">
        <v>0</v>
      </c>
      <c r="J39" s="39">
        <v>0</v>
      </c>
      <c r="K39" s="39">
        <v>0</v>
      </c>
      <c r="L39" s="45">
        <v>0</v>
      </c>
      <c r="M39" s="45">
        <v>0</v>
      </c>
      <c r="N39" s="45">
        <v>0</v>
      </c>
      <c r="O39" s="45">
        <v>0</v>
      </c>
      <c r="P39" s="45">
        <v>0</v>
      </c>
      <c r="Q39" s="45">
        <v>0</v>
      </c>
      <c r="R39" s="45">
        <v>0</v>
      </c>
      <c r="S39" s="45">
        <v>0</v>
      </c>
      <c r="T39" s="45">
        <v>0</v>
      </c>
      <c r="U39" s="45">
        <v>0</v>
      </c>
      <c r="V39" s="45">
        <v>-24370.985730197626</v>
      </c>
    </row>
    <row r="40" spans="1:22">
      <c r="A40" s="39"/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</row>
    <row r="41" spans="1:22">
      <c r="A41" s="43" t="s">
        <v>78</v>
      </c>
      <c r="B41" s="44">
        <v>0</v>
      </c>
      <c r="C41" s="44">
        <v>39008.820500000002</v>
      </c>
      <c r="D41" s="44">
        <v>39008.820500000002</v>
      </c>
      <c r="E41" s="44">
        <v>39008.820500000002</v>
      </c>
      <c r="F41" s="44">
        <v>39008.820500000002</v>
      </c>
      <c r="G41" s="44">
        <v>39008.820500000002</v>
      </c>
      <c r="H41" s="44">
        <v>39008.820500000002</v>
      </c>
      <c r="I41" s="44">
        <v>39008.820500000002</v>
      </c>
      <c r="J41" s="44">
        <v>39008.820500000002</v>
      </c>
      <c r="K41" s="44">
        <v>39008.820500000002</v>
      </c>
      <c r="L41" s="44">
        <v>39008.820500000002</v>
      </c>
      <c r="M41" s="44">
        <v>39008.820500000002</v>
      </c>
      <c r="N41" s="44">
        <v>39008.820500000002</v>
      </c>
      <c r="O41" s="44">
        <v>39008.820500000002</v>
      </c>
      <c r="P41" s="44">
        <v>39008.820500000002</v>
      </c>
      <c r="Q41" s="44">
        <v>39008.820500000002</v>
      </c>
      <c r="R41" s="44">
        <v>39008.820500000002</v>
      </c>
      <c r="S41" s="44">
        <v>39008.820500000002</v>
      </c>
      <c r="T41" s="44">
        <v>39008.820500000002</v>
      </c>
      <c r="U41" s="44">
        <v>39008.820500000002</v>
      </c>
      <c r="V41" s="44">
        <v>2655065.8296923335</v>
      </c>
    </row>
    <row r="42" spans="1:22">
      <c r="A42" s="39" t="s">
        <v>79</v>
      </c>
      <c r="B42" s="39"/>
      <c r="C42" s="45">
        <v>39008.820500000002</v>
      </c>
      <c r="D42" s="45">
        <v>39008.820500000002</v>
      </c>
      <c r="E42" s="45">
        <v>39008.820500000002</v>
      </c>
      <c r="F42" s="45">
        <v>39008.820500000002</v>
      </c>
      <c r="G42" s="45">
        <v>39008.820500000002</v>
      </c>
      <c r="H42" s="45">
        <v>39008.820500000002</v>
      </c>
      <c r="I42" s="45">
        <v>39008.820500000002</v>
      </c>
      <c r="J42" s="45">
        <v>39008.820500000002</v>
      </c>
      <c r="K42" s="45">
        <v>39008.820500000002</v>
      </c>
      <c r="L42" s="45">
        <v>39008.820500000002</v>
      </c>
      <c r="M42" s="45">
        <v>39008.820500000002</v>
      </c>
      <c r="N42" s="45">
        <v>39008.820500000002</v>
      </c>
      <c r="O42" s="45">
        <v>39008.820500000002</v>
      </c>
      <c r="P42" s="45">
        <v>39008.820500000002</v>
      </c>
      <c r="Q42" s="45">
        <v>39008.820500000002</v>
      </c>
      <c r="R42" s="45">
        <v>39008.820500000002</v>
      </c>
      <c r="S42" s="45">
        <v>39008.820500000002</v>
      </c>
      <c r="T42" s="45">
        <v>39008.820500000002</v>
      </c>
      <c r="U42" s="45">
        <v>39008.820500000002</v>
      </c>
      <c r="V42" s="45">
        <v>2652521.7763590002</v>
      </c>
    </row>
    <row r="43" spans="1:22">
      <c r="A43" s="43" t="s">
        <v>80</v>
      </c>
      <c r="B43" s="43"/>
      <c r="C43" s="43">
        <v>0</v>
      </c>
      <c r="D43" s="43">
        <v>0</v>
      </c>
      <c r="E43" s="43">
        <v>0</v>
      </c>
      <c r="F43" s="43">
        <v>0</v>
      </c>
      <c r="G43" s="43">
        <v>0</v>
      </c>
      <c r="H43" s="43">
        <v>0</v>
      </c>
      <c r="I43" s="43">
        <v>0</v>
      </c>
      <c r="J43" s="43">
        <v>0</v>
      </c>
      <c r="K43" s="43">
        <v>0</v>
      </c>
      <c r="L43" s="44">
        <v>0</v>
      </c>
      <c r="M43" s="43">
        <v>0</v>
      </c>
      <c r="N43" s="43">
        <v>0</v>
      </c>
      <c r="O43" s="43">
        <v>0</v>
      </c>
      <c r="P43" s="43">
        <v>0</v>
      </c>
      <c r="Q43" s="43">
        <v>0</v>
      </c>
      <c r="R43" s="43">
        <v>0</v>
      </c>
      <c r="S43" s="43">
        <v>0</v>
      </c>
      <c r="T43" s="43">
        <v>0</v>
      </c>
      <c r="U43" s="43">
        <v>0</v>
      </c>
      <c r="V43" s="43">
        <v>2544.0533333333337</v>
      </c>
    </row>
    <row r="44" spans="1:22">
      <c r="A44" s="39"/>
      <c r="B44" s="39"/>
      <c r="C44" s="39"/>
      <c r="D44" s="39"/>
      <c r="E44" s="39"/>
      <c r="F44" s="39"/>
      <c r="G44" s="39"/>
      <c r="H44" s="39"/>
      <c r="I44" s="39"/>
      <c r="J44" s="39"/>
      <c r="K44" s="39"/>
      <c r="L44" s="39"/>
      <c r="M44" s="39"/>
      <c r="N44" s="39"/>
      <c r="O44" s="39"/>
      <c r="P44" s="39"/>
      <c r="Q44" s="39"/>
      <c r="R44" s="39"/>
      <c r="S44" s="39"/>
      <c r="T44" s="39"/>
      <c r="U44" s="39"/>
      <c r="V44" s="39"/>
    </row>
    <row r="45" spans="1:22">
      <c r="A45" s="50" t="s">
        <v>81</v>
      </c>
      <c r="B45" s="51">
        <v>-4041824.0802701986</v>
      </c>
      <c r="C45" s="51">
        <v>280893.777043927</v>
      </c>
      <c r="D45" s="51">
        <v>282938.32560912718</v>
      </c>
      <c r="E45" s="51">
        <v>381601.55995872722</v>
      </c>
      <c r="F45" s="51">
        <v>541461.33275872713</v>
      </c>
      <c r="G45" s="51">
        <v>626281.04555872711</v>
      </c>
      <c r="H45" s="51">
        <v>477456.34825198702</v>
      </c>
      <c r="I45" s="51">
        <v>467182.62748678704</v>
      </c>
      <c r="J45" s="51">
        <v>458804.107637187</v>
      </c>
      <c r="K45" s="51">
        <v>457280.52683718712</v>
      </c>
      <c r="L45" s="51">
        <v>354760.52683718712</v>
      </c>
      <c r="M45" s="51">
        <v>394675.508322387</v>
      </c>
      <c r="N45" s="51">
        <v>334305.94408758695</v>
      </c>
      <c r="O45" s="51">
        <v>370555.06563718698</v>
      </c>
      <c r="P45" s="51">
        <v>468000.72563718713</v>
      </c>
      <c r="Q45" s="51">
        <v>482926.32563718711</v>
      </c>
      <c r="R45" s="51">
        <v>477456.34825198702</v>
      </c>
      <c r="S45" s="51">
        <v>467182.62748678704</v>
      </c>
      <c r="T45" s="51">
        <v>458804.107637187</v>
      </c>
      <c r="U45" s="51">
        <v>457280.52683718712</v>
      </c>
      <c r="V45" s="51">
        <v>3097708.5217597182</v>
      </c>
    </row>
    <row r="46" spans="1:22">
      <c r="A46" s="39"/>
      <c r="B46" s="39"/>
      <c r="C46" s="39"/>
      <c r="D46" s="39"/>
      <c r="E46" s="39"/>
      <c r="F46" s="39"/>
      <c r="G46" s="39"/>
      <c r="H46" s="39"/>
      <c r="I46" s="39"/>
      <c r="J46" s="39"/>
      <c r="K46" s="39"/>
      <c r="L46" s="39"/>
      <c r="M46" s="39"/>
      <c r="N46" s="39"/>
      <c r="O46" s="39"/>
      <c r="P46" s="39"/>
      <c r="Q46" s="39"/>
      <c r="R46" s="39"/>
      <c r="S46" s="39"/>
      <c r="T46" s="39"/>
      <c r="U46" s="39"/>
      <c r="V46" s="39"/>
    </row>
    <row r="47" spans="1:22">
      <c r="A47" s="38"/>
      <c r="B47" s="39"/>
      <c r="C47" s="39"/>
      <c r="D47" s="39"/>
      <c r="E47" s="39"/>
      <c r="F47" s="39"/>
      <c r="G47" s="39"/>
      <c r="H47" s="39"/>
      <c r="I47" s="39"/>
      <c r="J47" s="39"/>
      <c r="K47" s="39"/>
      <c r="L47" s="39"/>
      <c r="M47" s="39"/>
      <c r="N47" s="39"/>
      <c r="O47" s="39"/>
      <c r="P47" s="39"/>
      <c r="Q47" s="39"/>
      <c r="R47" s="39"/>
      <c r="S47" s="39"/>
      <c r="T47" s="39"/>
      <c r="U47" s="39"/>
      <c r="V47" s="39"/>
    </row>
    <row r="48" spans="1:22">
      <c r="A48" s="39"/>
      <c r="B48" s="39"/>
      <c r="C48" s="39"/>
      <c r="D48" s="39"/>
      <c r="E48" s="39"/>
      <c r="F48" s="39"/>
      <c r="G48" s="39"/>
      <c r="H48" s="39"/>
      <c r="I48" s="39"/>
      <c r="J48" s="39"/>
      <c r="K48" s="39"/>
      <c r="L48" s="39"/>
      <c r="M48" s="39"/>
      <c r="N48" s="39"/>
      <c r="O48" s="39"/>
      <c r="P48" s="39"/>
      <c r="Q48" s="39"/>
      <c r="R48" s="39"/>
      <c r="S48" s="39"/>
      <c r="T48" s="39"/>
      <c r="U48" s="39"/>
      <c r="V48" s="39"/>
    </row>
    <row r="49" spans="1:22" ht="12" thickBot="1"/>
    <row r="50" spans="1:22" ht="16.5" thickBot="1">
      <c r="A50" s="89" t="s">
        <v>56</v>
      </c>
      <c r="B50" s="90">
        <v>9.8500000000000004E-2</v>
      </c>
      <c r="C50" s="39"/>
      <c r="D50" s="39"/>
      <c r="E50" s="39"/>
      <c r="F50" s="39"/>
      <c r="G50" s="39"/>
      <c r="H50" s="39"/>
      <c r="I50" s="39"/>
      <c r="J50" s="39"/>
      <c r="K50" s="39"/>
      <c r="L50" s="39"/>
      <c r="M50" s="39"/>
      <c r="N50" s="39"/>
      <c r="O50" s="39"/>
      <c r="P50" s="39"/>
      <c r="Q50" s="39"/>
      <c r="R50" s="39"/>
      <c r="S50" s="39"/>
      <c r="T50" s="39"/>
      <c r="U50" s="39"/>
      <c r="V50" s="39"/>
    </row>
    <row r="51" spans="1:22">
      <c r="A51" s="39"/>
      <c r="B51" s="53"/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54"/>
      <c r="N51" s="39"/>
      <c r="O51" s="39"/>
      <c r="P51" s="39"/>
      <c r="Q51" s="39"/>
      <c r="R51" s="39"/>
      <c r="S51" s="39"/>
      <c r="T51" s="39"/>
      <c r="U51" s="39"/>
      <c r="V51" s="39"/>
    </row>
    <row r="52" spans="1:22">
      <c r="A52" s="39"/>
      <c r="B52" s="53"/>
      <c r="C52" s="39"/>
      <c r="D52" s="39"/>
      <c r="E52" s="39"/>
      <c r="F52" s="39"/>
      <c r="G52" s="39"/>
      <c r="H52" s="39"/>
      <c r="I52" s="39"/>
      <c r="J52" s="39"/>
      <c r="K52" s="39"/>
      <c r="L52" s="39"/>
      <c r="M52" s="39"/>
      <c r="N52" s="39"/>
      <c r="O52" s="39"/>
      <c r="P52" s="39"/>
      <c r="Q52" s="39"/>
      <c r="R52" s="39"/>
      <c r="S52" s="39"/>
      <c r="T52" s="39"/>
      <c r="U52" s="39"/>
      <c r="V52" s="39"/>
    </row>
    <row r="53" spans="1:22">
      <c r="A53" s="39"/>
      <c r="B53" s="39"/>
      <c r="C53" s="39"/>
      <c r="D53" s="39"/>
      <c r="E53" s="39"/>
      <c r="F53" s="39"/>
      <c r="G53" s="39"/>
      <c r="H53" s="39"/>
      <c r="I53" s="39"/>
      <c r="J53" s="39"/>
      <c r="K53" s="39"/>
      <c r="L53" s="39"/>
      <c r="M53" s="39"/>
      <c r="N53" s="39"/>
      <c r="O53" s="39"/>
      <c r="P53" s="39"/>
      <c r="Q53" s="39"/>
      <c r="R53" s="39"/>
      <c r="S53" s="39"/>
      <c r="T53" s="39"/>
      <c r="U53" s="39"/>
      <c r="V53" s="39"/>
    </row>
    <row r="54" spans="1:22" ht="18">
      <c r="A54" s="104" t="s">
        <v>145</v>
      </c>
      <c r="B54" s="39"/>
      <c r="C54" s="39"/>
      <c r="D54" s="39"/>
      <c r="E54" s="39"/>
      <c r="F54" s="39"/>
      <c r="G54" s="39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</row>
    <row r="55" spans="1:22">
      <c r="A55" s="55" t="s">
        <v>82</v>
      </c>
      <c r="B55" s="56"/>
      <c r="C55" s="57">
        <v>621401.92029433337</v>
      </c>
      <c r="D55" s="58">
        <v>835189.66607433348</v>
      </c>
      <c r="E55" s="58">
        <v>1043403.2915143333</v>
      </c>
      <c r="F55" s="58">
        <v>1231455.3315143334</v>
      </c>
      <c r="G55" s="58">
        <v>1415026.2515143333</v>
      </c>
      <c r="H55" s="58">
        <v>977306.55355333316</v>
      </c>
      <c r="I55" s="58">
        <v>947089.7277733332</v>
      </c>
      <c r="J55" s="58">
        <v>922447.02233333315</v>
      </c>
      <c r="K55" s="58">
        <v>917965.90233333316</v>
      </c>
      <c r="L55" s="58">
        <v>939965.90233333316</v>
      </c>
      <c r="M55" s="58">
        <v>956054.07111333311</v>
      </c>
      <c r="N55" s="58">
        <v>986270.89689333318</v>
      </c>
      <c r="O55" s="58">
        <v>1010913.6023333331</v>
      </c>
      <c r="P55" s="58">
        <v>1015394.7223333331</v>
      </c>
      <c r="Q55" s="58">
        <v>993394.72233333322</v>
      </c>
      <c r="R55" s="58">
        <v>977306.55355333316</v>
      </c>
      <c r="S55" s="58">
        <v>947089.7277733332</v>
      </c>
      <c r="T55" s="58">
        <v>922447.02233333315</v>
      </c>
      <c r="U55" s="58">
        <v>917965.90233333316</v>
      </c>
      <c r="V55" s="59">
        <v>917965.90233333316</v>
      </c>
    </row>
    <row r="56" spans="1:22">
      <c r="A56" s="60" t="s">
        <v>83</v>
      </c>
      <c r="B56" s="61"/>
      <c r="C56" s="63">
        <v>592002.44918100012</v>
      </c>
      <c r="D56" s="63">
        <v>775573.36918100016</v>
      </c>
      <c r="E56" s="63">
        <v>959144.28918100009</v>
      </c>
      <c r="F56" s="63">
        <v>1142715.209181</v>
      </c>
      <c r="G56" s="63">
        <v>1326286.1291809999</v>
      </c>
      <c r="H56" s="63">
        <v>917854.59999999986</v>
      </c>
      <c r="I56" s="63">
        <v>917854.59999999986</v>
      </c>
      <c r="J56" s="63">
        <v>917854.59999999986</v>
      </c>
      <c r="K56" s="63">
        <v>917854.59999999986</v>
      </c>
      <c r="L56" s="63">
        <v>917854.59999999986</v>
      </c>
      <c r="M56" s="63">
        <v>917854.59999999986</v>
      </c>
      <c r="N56" s="63">
        <v>917854.59999999986</v>
      </c>
      <c r="O56" s="63">
        <v>917854.59999999986</v>
      </c>
      <c r="P56" s="63">
        <v>917854.59999999986</v>
      </c>
      <c r="Q56" s="63">
        <v>917854.59999999986</v>
      </c>
      <c r="R56" s="63">
        <v>917854.59999999986</v>
      </c>
      <c r="S56" s="63">
        <v>917854.59999999986</v>
      </c>
      <c r="T56" s="63">
        <v>917854.59999999986</v>
      </c>
      <c r="U56" s="63">
        <v>917854.59999999986</v>
      </c>
      <c r="V56" s="64">
        <v>917854.59999999986</v>
      </c>
    </row>
    <row r="57" spans="1:22">
      <c r="A57" s="65" t="s">
        <v>84</v>
      </c>
      <c r="B57" s="39"/>
      <c r="C57" s="40">
        <v>111.30233333333334</v>
      </c>
      <c r="D57" s="40">
        <v>111.30233333333334</v>
      </c>
      <c r="E57" s="40">
        <v>111.30233333333334</v>
      </c>
      <c r="F57" s="40">
        <v>111.30233333333334</v>
      </c>
      <c r="G57" s="40">
        <v>111.30233333333334</v>
      </c>
      <c r="H57" s="40">
        <v>111.30233333333334</v>
      </c>
      <c r="I57" s="40">
        <v>111.30233333333334</v>
      </c>
      <c r="J57" s="40">
        <v>111.30233333333334</v>
      </c>
      <c r="K57" s="40">
        <v>111.30233333333334</v>
      </c>
      <c r="L57" s="40">
        <v>111.30233333333334</v>
      </c>
      <c r="M57" s="40">
        <v>111.30233333333334</v>
      </c>
      <c r="N57" s="40">
        <v>111.30233333333334</v>
      </c>
      <c r="O57" s="40">
        <v>111.30233333333334</v>
      </c>
      <c r="P57" s="40">
        <v>111.30233333333334</v>
      </c>
      <c r="Q57" s="40">
        <v>111.30233333333334</v>
      </c>
      <c r="R57" s="40">
        <v>111.30233333333334</v>
      </c>
      <c r="S57" s="40">
        <v>111.30233333333334</v>
      </c>
      <c r="T57" s="40">
        <v>111.30233333333334</v>
      </c>
      <c r="U57" s="40">
        <v>111.30233333333334</v>
      </c>
      <c r="V57" s="40">
        <v>111.30233333333334</v>
      </c>
    </row>
    <row r="58" spans="1:22">
      <c r="A58" s="68" t="s">
        <v>85</v>
      </c>
      <c r="B58" s="69"/>
      <c r="C58" s="71">
        <v>29288.16878</v>
      </c>
      <c r="D58" s="71">
        <v>59504.994560000006</v>
      </c>
      <c r="E58" s="71">
        <v>84147.700000000012</v>
      </c>
      <c r="F58" s="71">
        <v>88628.82</v>
      </c>
      <c r="G58" s="71">
        <v>88628.82</v>
      </c>
      <c r="H58" s="71">
        <v>59340.651220000007</v>
      </c>
      <c r="I58" s="71">
        <v>29123.825440000001</v>
      </c>
      <c r="J58" s="71">
        <v>4481.12</v>
      </c>
      <c r="K58" s="71">
        <v>0</v>
      </c>
      <c r="L58" s="71">
        <v>22000</v>
      </c>
      <c r="M58" s="71">
        <v>38088.16878</v>
      </c>
      <c r="N58" s="71">
        <v>68304.994560000006</v>
      </c>
      <c r="O58" s="71">
        <v>92947.700000000012</v>
      </c>
      <c r="P58" s="71">
        <v>97428.819999999992</v>
      </c>
      <c r="Q58" s="71">
        <v>75428.820000000007</v>
      </c>
      <c r="R58" s="71">
        <v>59340.65122</v>
      </c>
      <c r="S58" s="71">
        <v>29123.825440000001</v>
      </c>
      <c r="T58" s="71">
        <v>4481.12</v>
      </c>
      <c r="U58" s="71">
        <v>0</v>
      </c>
      <c r="V58" s="72">
        <v>0</v>
      </c>
    </row>
    <row r="88" spans="11:11" ht="12.75">
      <c r="K88" s="103" t="s">
        <v>116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5</vt:i4>
      </vt:variant>
      <vt:variant>
        <vt:lpstr>Intervalos nomeados</vt:lpstr>
      </vt:variant>
      <vt:variant>
        <vt:i4>24</vt:i4>
      </vt:variant>
    </vt:vector>
  </HeadingPairs>
  <TitlesOfParts>
    <vt:vector size="39" baseType="lpstr">
      <vt:lpstr>CAPA</vt:lpstr>
      <vt:lpstr>SUMÁRIO</vt:lpstr>
      <vt:lpstr>INVESTIMENTO</vt:lpstr>
      <vt:lpstr>MINI</vt:lpstr>
      <vt:lpstr>MIDI</vt:lpstr>
      <vt:lpstr>BÁSICO</vt:lpstr>
      <vt:lpstr>PADRON</vt:lpstr>
      <vt:lpstr>PADRON 15m</vt:lpstr>
      <vt:lpstr>ARTICULADO</vt:lpstr>
      <vt:lpstr>ARTICULADO 21</vt:lpstr>
      <vt:lpstr>ARTICULADO 23</vt:lpstr>
      <vt:lpstr>BIARTICULADO</vt:lpstr>
      <vt:lpstr>TROLEBUS</vt:lpstr>
      <vt:lpstr>TROLEBUS 15M</vt:lpstr>
      <vt:lpstr>TROLEBUS 15M BATERIA</vt:lpstr>
      <vt:lpstr>ARTICULADO!Area_de_impressao</vt:lpstr>
      <vt:lpstr>'ARTICULADO 21'!Area_de_impressao</vt:lpstr>
      <vt:lpstr>'ARTICULADO 23'!Area_de_impressao</vt:lpstr>
      <vt:lpstr>BÁSICO!Area_de_impressao</vt:lpstr>
      <vt:lpstr>BIARTICULADO!Area_de_impressao</vt:lpstr>
      <vt:lpstr>CAPA!Area_de_impressao</vt:lpstr>
      <vt:lpstr>INVESTIMENTO!Area_de_impressao</vt:lpstr>
      <vt:lpstr>MIDI!Area_de_impressao</vt:lpstr>
      <vt:lpstr>MINI!Area_de_impressao</vt:lpstr>
      <vt:lpstr>PADRON!Area_de_impressao</vt:lpstr>
      <vt:lpstr>'PADRON 15m'!Area_de_impressao</vt:lpstr>
      <vt:lpstr>SUMÁRIO!Area_de_impressao</vt:lpstr>
      <vt:lpstr>TROLEBUS!Area_de_impressao</vt:lpstr>
      <vt:lpstr>'TROLEBUS 15M'!Area_de_impressao</vt:lpstr>
      <vt:lpstr>'TROLEBUS 15M BATERIA'!Area_de_impressao</vt:lpstr>
      <vt:lpstr>ARTICULADO!Titulos_de_impressao</vt:lpstr>
      <vt:lpstr>'ARTICULADO 21'!Titulos_de_impressao</vt:lpstr>
      <vt:lpstr>'ARTICULADO 23'!Titulos_de_impressao</vt:lpstr>
      <vt:lpstr>BÁSICO!Titulos_de_impressao</vt:lpstr>
      <vt:lpstr>BIARTICULADO!Titulos_de_impressao</vt:lpstr>
      <vt:lpstr>MIDI!Titulos_de_impressao</vt:lpstr>
      <vt:lpstr>MINI!Titulos_de_impressao</vt:lpstr>
      <vt:lpstr>PADRON!Titulos_de_impressao</vt:lpstr>
      <vt:lpstr>'PADRON 15m'!Titulos_de_impressao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ocumentos</dc:creator>
  <cp:lastModifiedBy>S</cp:lastModifiedBy>
  <cp:lastPrinted>2018-04-23T19:41:25Z</cp:lastPrinted>
  <dcterms:created xsi:type="dcterms:W3CDTF">2018-04-21T18:48:55Z</dcterms:created>
  <dcterms:modified xsi:type="dcterms:W3CDTF">2018-04-23T19:46:17Z</dcterms:modified>
</cp:coreProperties>
</file>